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6"/>
  </p:sldMasterIdLst>
  <p:notesMasterIdLst>
    <p:notesMasterId r:id="rId28"/>
  </p:notesMasterIdLst>
  <p:handoutMasterIdLst>
    <p:handoutMasterId r:id="rId29"/>
  </p:handoutMasterIdLst>
  <p:sldIdLst>
    <p:sldId id="271" r:id="rId17"/>
    <p:sldId id="270" r:id="rId18"/>
    <p:sldId id="277" r:id="rId19"/>
    <p:sldId id="272" r:id="rId20"/>
    <p:sldId id="276" r:id="rId21"/>
    <p:sldId id="278" r:id="rId22"/>
    <p:sldId id="275" r:id="rId23"/>
    <p:sldId id="273" r:id="rId24"/>
    <p:sldId id="274" r:id="rId25"/>
    <p:sldId id="280" r:id="rId26"/>
    <p:sldId id="261" r:id="rId27"/>
  </p:sldIdLst>
  <p:sldSz cx="12192000" cy="6858000"/>
  <p:notesSz cx="6858000" cy="9144000"/>
  <p:embeddedFontLst>
    <p:embeddedFont>
      <p:font typeface="Ericsson Hilda" panose="00000500000000000000" pitchFamily="2" charset="0"/>
      <p:regular r:id="rId30"/>
      <p:bold r:id="rId31"/>
      <p:italic r:id="rId32"/>
      <p:boldItalic r:id="rId33"/>
    </p:embeddedFont>
    <p:embeddedFont>
      <p:font typeface="Ericsson Hilda ExtraBold" panose="00000900000000000000" pitchFamily="2" charset="0"/>
      <p:bold r:id="rId34"/>
    </p:embeddedFont>
    <p:embeddedFont>
      <p:font typeface="Ericsson Hilda ExtraLight" panose="00000300000000000000" pitchFamily="2" charset="0"/>
      <p:regular r:id="rId35"/>
    </p:embeddedFont>
    <p:embeddedFont>
      <p:font typeface="Ericsson Hilda Light" panose="00000400000000000000" pitchFamily="2" charset="0"/>
      <p:regular r:id="rId36"/>
      <p:italic r:id="rId37"/>
    </p:embeddedFont>
    <p:embeddedFont>
      <p:font typeface="Ericsson Technical Icons" panose="020B0604020202020204" charset="0"/>
      <p:regular r:id="rId38"/>
      <p:bold r:id="rId39"/>
      <p:italic r:id="rId40"/>
      <p:boldItalic r:id="rId41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C60C710-888C-41F7-AF93-2D71E585E9A4}" v="11" dt="2024-12-10T10:23:22.34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2173" autoAdjust="0"/>
    <p:restoredTop sz="94124" autoAdjust="0"/>
  </p:normalViewPr>
  <p:slideViewPr>
    <p:cSldViewPr snapToGrid="0" snapToObjects="1" showGuides="1">
      <p:cViewPr varScale="1">
        <p:scale>
          <a:sx n="114" d="100"/>
          <a:sy n="114" d="100"/>
        </p:scale>
        <p:origin x="636" y="10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slide" Target="slides/slide10.xml"/><Relationship Id="rId39" Type="http://schemas.openxmlformats.org/officeDocument/2006/relationships/font" Target="fonts/font10.fntdata"/><Relationship Id="rId21" Type="http://schemas.openxmlformats.org/officeDocument/2006/relationships/slide" Target="slides/slide5.xml"/><Relationship Id="rId34" Type="http://schemas.openxmlformats.org/officeDocument/2006/relationships/font" Target="fonts/font5.fntdata"/><Relationship Id="rId42" Type="http://schemas.openxmlformats.org/officeDocument/2006/relationships/presProps" Target="presProps.xml"/><Relationship Id="rId47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font" Target="fonts/font3.fntdata"/><Relationship Id="rId37" Type="http://schemas.openxmlformats.org/officeDocument/2006/relationships/font" Target="fonts/font8.fntdata"/><Relationship Id="rId40" Type="http://schemas.openxmlformats.org/officeDocument/2006/relationships/font" Target="fonts/font11.fntdata"/><Relationship Id="rId45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notesMaster" Target="notesMasters/notesMaster1.xml"/><Relationship Id="rId36" Type="http://schemas.openxmlformats.org/officeDocument/2006/relationships/font" Target="fonts/font7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font" Target="fonts/font2.fntdata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slide" Target="slides/slide11.xml"/><Relationship Id="rId30" Type="http://schemas.openxmlformats.org/officeDocument/2006/relationships/font" Target="fonts/font1.fntdata"/><Relationship Id="rId35" Type="http://schemas.openxmlformats.org/officeDocument/2006/relationships/font" Target="fonts/font6.fntdata"/><Relationship Id="rId43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font" Target="fonts/font4.fntdata"/><Relationship Id="rId38" Type="http://schemas.openxmlformats.org/officeDocument/2006/relationships/font" Target="fonts/font9.fntdata"/><Relationship Id="rId46" Type="http://schemas.microsoft.com/office/2016/11/relationships/changesInfo" Target="changesInfos/changesInfo1.xml"/><Relationship Id="rId20" Type="http://schemas.openxmlformats.org/officeDocument/2006/relationships/slide" Target="slides/slide4.xml"/><Relationship Id="rId41" Type="http://schemas.openxmlformats.org/officeDocument/2006/relationships/font" Target="fonts/font12.fntdata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Uwe Petersen" userId="4baf0fb5-1197-4c58-81cd-d3310c843041" providerId="ADAL" clId="{FE8D81A3-903B-4D1D-828B-27E447B24974}"/>
    <pc:docChg chg="custSel addSld modSld modMainMaster">
      <pc:chgData name="Uwe Petersen" userId="4baf0fb5-1197-4c58-81cd-d3310c843041" providerId="ADAL" clId="{FE8D81A3-903B-4D1D-828B-27E447B24974}" dt="2024-03-08T16:27:50.269" v="1499" actId="1076"/>
      <pc:docMkLst>
        <pc:docMk/>
      </pc:docMkLst>
      <pc:sldChg chg="addSp delSp modSp mod">
        <pc:chgData name="Uwe Petersen" userId="4baf0fb5-1197-4c58-81cd-d3310c843041" providerId="ADAL" clId="{FE8D81A3-903B-4D1D-828B-27E447B24974}" dt="2024-02-26T12:56:36.981" v="870" actId="1076"/>
        <pc:sldMkLst>
          <pc:docMk/>
          <pc:sldMk cId="3709959988" sldId="270"/>
        </pc:sldMkLst>
        <pc:spChg chg="add del">
          <ac:chgData name="Uwe Petersen" userId="4baf0fb5-1197-4c58-81cd-d3310c843041" providerId="ADAL" clId="{FE8D81A3-903B-4D1D-828B-27E447B24974}" dt="2024-02-26T12:53:40.988" v="858"/>
          <ac:spMkLst>
            <pc:docMk/>
            <pc:sldMk cId="3709959988" sldId="270"/>
            <ac:spMk id="2" creationId="{930339E2-BFA6-B4AE-CD92-32C5640394A0}"/>
          </ac:spMkLst>
        </pc:spChg>
        <pc:spChg chg="add del">
          <ac:chgData name="Uwe Petersen" userId="4baf0fb5-1197-4c58-81cd-d3310c843041" providerId="ADAL" clId="{FE8D81A3-903B-4D1D-828B-27E447B24974}" dt="2024-02-26T12:53:40.988" v="858"/>
          <ac:spMkLst>
            <pc:docMk/>
            <pc:sldMk cId="3709959988" sldId="270"/>
            <ac:spMk id="3" creationId="{BFE88566-D16A-E9BC-FD68-F44746C014B5}"/>
          </ac:spMkLst>
        </pc:spChg>
        <pc:spChg chg="add mod">
          <ac:chgData name="Uwe Petersen" userId="4baf0fb5-1197-4c58-81cd-d3310c843041" providerId="ADAL" clId="{FE8D81A3-903B-4D1D-828B-27E447B24974}" dt="2024-02-26T12:53:59.752" v="860" actId="1076"/>
          <ac:spMkLst>
            <pc:docMk/>
            <pc:sldMk cId="3709959988" sldId="270"/>
            <ac:spMk id="4" creationId="{0669CEF7-AB37-8EF2-7D97-D82009315C80}"/>
          </ac:spMkLst>
        </pc:spChg>
        <pc:spChg chg="add del mod">
          <ac:chgData name="Uwe Petersen" userId="4baf0fb5-1197-4c58-81cd-d3310c843041" providerId="ADAL" clId="{FE8D81A3-903B-4D1D-828B-27E447B24974}" dt="2024-02-26T12:55:04.539" v="866" actId="478"/>
          <ac:spMkLst>
            <pc:docMk/>
            <pc:sldMk cId="3709959988" sldId="270"/>
            <ac:spMk id="5" creationId="{21BE8177-DDE3-E3D5-F382-06E14AFCF8AC}"/>
          </ac:spMkLst>
        </pc:spChg>
        <pc:spChg chg="mod">
          <ac:chgData name="Uwe Petersen" userId="4baf0fb5-1197-4c58-81cd-d3310c843041" providerId="ADAL" clId="{FE8D81A3-903B-4D1D-828B-27E447B24974}" dt="2024-02-26T12:56:32.104" v="869" actId="6549"/>
          <ac:spMkLst>
            <pc:docMk/>
            <pc:sldMk cId="3709959988" sldId="270"/>
            <ac:spMk id="11" creationId="{2E8E8F9E-D1C4-4C6A-B250-14307A886012}"/>
          </ac:spMkLst>
        </pc:spChg>
        <pc:picChg chg="add mod">
          <ac:chgData name="Uwe Petersen" userId="4baf0fb5-1197-4c58-81cd-d3310c843041" providerId="ADAL" clId="{FE8D81A3-903B-4D1D-828B-27E447B24974}" dt="2024-02-26T12:56:36.981" v="870" actId="1076"/>
          <ac:picMkLst>
            <pc:docMk/>
            <pc:sldMk cId="3709959988" sldId="270"/>
            <ac:picMk id="7" creationId="{28A66BC1-1597-23EB-35CD-2F42D6C44957}"/>
          </ac:picMkLst>
        </pc:picChg>
        <pc:picChg chg="add del">
          <ac:chgData name="Uwe Petersen" userId="4baf0fb5-1197-4c58-81cd-d3310c843041" providerId="ADAL" clId="{FE8D81A3-903B-4D1D-828B-27E447B24974}" dt="2024-02-26T12:53:40.988" v="858"/>
          <ac:picMkLst>
            <pc:docMk/>
            <pc:sldMk cId="3709959988" sldId="270"/>
            <ac:picMk id="1025" creationId="{1D4B5BAB-8472-4A80-68FB-2BFED61C0AA4}"/>
          </ac:picMkLst>
        </pc:picChg>
        <pc:picChg chg="add del mod">
          <ac:chgData name="Uwe Petersen" userId="4baf0fb5-1197-4c58-81cd-d3310c843041" providerId="ADAL" clId="{FE8D81A3-903B-4D1D-828B-27E447B24974}" dt="2024-02-26T12:54:57.329" v="864" actId="478"/>
          <ac:picMkLst>
            <pc:docMk/>
            <pc:sldMk cId="3709959988" sldId="270"/>
            <ac:picMk id="1028" creationId="{C7419A86-7357-37BD-4FE5-5CC025A0866A}"/>
          </ac:picMkLst>
        </pc:picChg>
      </pc:sldChg>
      <pc:sldChg chg="modSp mod">
        <pc:chgData name="Uwe Petersen" userId="4baf0fb5-1197-4c58-81cd-d3310c843041" providerId="ADAL" clId="{FE8D81A3-903B-4D1D-828B-27E447B24974}" dt="2024-03-07T08:46:57.921" v="1323" actId="313"/>
        <pc:sldMkLst>
          <pc:docMk/>
          <pc:sldMk cId="2604203220" sldId="272"/>
        </pc:sldMkLst>
        <pc:spChg chg="mod">
          <ac:chgData name="Uwe Petersen" userId="4baf0fb5-1197-4c58-81cd-d3310c843041" providerId="ADAL" clId="{FE8D81A3-903B-4D1D-828B-27E447B24974}" dt="2024-03-07T08:46:57.921" v="1323" actId="313"/>
          <ac:spMkLst>
            <pc:docMk/>
            <pc:sldMk cId="2604203220" sldId="272"/>
            <ac:spMk id="5" creationId="{80CFE1E9-2446-4327-A152-D121E1DA7E83}"/>
          </ac:spMkLst>
        </pc:spChg>
      </pc:sldChg>
      <pc:sldChg chg="modSp new mod">
        <pc:chgData name="Uwe Petersen" userId="4baf0fb5-1197-4c58-81cd-d3310c843041" providerId="ADAL" clId="{FE8D81A3-903B-4D1D-828B-27E447B24974}" dt="2024-03-08T10:10:09.584" v="1415" actId="313"/>
        <pc:sldMkLst>
          <pc:docMk/>
          <pc:sldMk cId="1219901180" sldId="273"/>
        </pc:sldMkLst>
        <pc:spChg chg="mod">
          <ac:chgData name="Uwe Petersen" userId="4baf0fb5-1197-4c58-81cd-d3310c843041" providerId="ADAL" clId="{FE8D81A3-903B-4D1D-828B-27E447B24974}" dt="2024-02-26T12:37:46.118" v="27" actId="20577"/>
          <ac:spMkLst>
            <pc:docMk/>
            <pc:sldMk cId="1219901180" sldId="273"/>
            <ac:spMk id="2" creationId="{62A50B4D-5656-4CB2-36F8-14B30D164697}"/>
          </ac:spMkLst>
        </pc:spChg>
        <pc:spChg chg="mod">
          <ac:chgData name="Uwe Petersen" userId="4baf0fb5-1197-4c58-81cd-d3310c843041" providerId="ADAL" clId="{FE8D81A3-903B-4D1D-828B-27E447B24974}" dt="2024-03-08T10:10:09.584" v="1415" actId="313"/>
          <ac:spMkLst>
            <pc:docMk/>
            <pc:sldMk cId="1219901180" sldId="273"/>
            <ac:spMk id="3" creationId="{1E0D5280-48CF-F130-338C-5CACEEF4D044}"/>
          </ac:spMkLst>
        </pc:spChg>
      </pc:sldChg>
      <pc:sldChg chg="modSp new mod">
        <pc:chgData name="Uwe Petersen" userId="4baf0fb5-1197-4c58-81cd-d3310c843041" providerId="ADAL" clId="{FE8D81A3-903B-4D1D-828B-27E447B24974}" dt="2024-03-07T08:48:24.286" v="1324" actId="313"/>
        <pc:sldMkLst>
          <pc:docMk/>
          <pc:sldMk cId="2048831960" sldId="274"/>
        </pc:sldMkLst>
        <pc:spChg chg="mod">
          <ac:chgData name="Uwe Petersen" userId="4baf0fb5-1197-4c58-81cd-d3310c843041" providerId="ADAL" clId="{FE8D81A3-903B-4D1D-828B-27E447B24974}" dt="2024-03-07T08:40:47.406" v="972" actId="5793"/>
          <ac:spMkLst>
            <pc:docMk/>
            <pc:sldMk cId="2048831960" sldId="274"/>
            <ac:spMk id="2" creationId="{CBE9FFB3-BA0D-ADC3-48BD-15F181BE1C1B}"/>
          </ac:spMkLst>
        </pc:spChg>
        <pc:spChg chg="mod">
          <ac:chgData name="Uwe Petersen" userId="4baf0fb5-1197-4c58-81cd-d3310c843041" providerId="ADAL" clId="{FE8D81A3-903B-4D1D-828B-27E447B24974}" dt="2024-03-07T08:48:24.286" v="1324" actId="313"/>
          <ac:spMkLst>
            <pc:docMk/>
            <pc:sldMk cId="2048831960" sldId="274"/>
            <ac:spMk id="3" creationId="{08DCD7B7-1E51-3540-8303-73A74D25B19D}"/>
          </ac:spMkLst>
        </pc:spChg>
      </pc:sldChg>
      <pc:sldChg chg="modSp new mod">
        <pc:chgData name="Uwe Petersen" userId="4baf0fb5-1197-4c58-81cd-d3310c843041" providerId="ADAL" clId="{FE8D81A3-903B-4D1D-828B-27E447B24974}" dt="2024-03-08T16:27:50.269" v="1499" actId="1076"/>
        <pc:sldMkLst>
          <pc:docMk/>
          <pc:sldMk cId="1033920551" sldId="275"/>
        </pc:sldMkLst>
        <pc:spChg chg="mod">
          <ac:chgData name="Uwe Petersen" userId="4baf0fb5-1197-4c58-81cd-d3310c843041" providerId="ADAL" clId="{FE8D81A3-903B-4D1D-828B-27E447B24974}" dt="2024-03-08T16:27:39.479" v="1498" actId="20577"/>
          <ac:spMkLst>
            <pc:docMk/>
            <pc:sldMk cId="1033920551" sldId="275"/>
            <ac:spMk id="2" creationId="{C1121E3E-A6FA-B777-D8BA-89E39AFE6A92}"/>
          </ac:spMkLst>
        </pc:spChg>
        <pc:spChg chg="mod">
          <ac:chgData name="Uwe Petersen" userId="4baf0fb5-1197-4c58-81cd-d3310c843041" providerId="ADAL" clId="{FE8D81A3-903B-4D1D-828B-27E447B24974}" dt="2024-03-08T16:27:50.269" v="1499" actId="1076"/>
          <ac:spMkLst>
            <pc:docMk/>
            <pc:sldMk cId="1033920551" sldId="275"/>
            <ac:spMk id="3" creationId="{160C43B4-D010-DA50-C352-B936B54256EE}"/>
          </ac:spMkLst>
        </pc:spChg>
      </pc:sldChg>
      <pc:sldChg chg="modSp new mod">
        <pc:chgData name="Uwe Petersen" userId="4baf0fb5-1197-4c58-81cd-d3310c843041" providerId="ADAL" clId="{FE8D81A3-903B-4D1D-828B-27E447B24974}" dt="2024-03-07T08:46:33.766" v="1322" actId="20577"/>
        <pc:sldMkLst>
          <pc:docMk/>
          <pc:sldMk cId="4074686638" sldId="276"/>
        </pc:sldMkLst>
        <pc:spChg chg="mod">
          <ac:chgData name="Uwe Petersen" userId="4baf0fb5-1197-4c58-81cd-d3310c843041" providerId="ADAL" clId="{FE8D81A3-903B-4D1D-828B-27E447B24974}" dt="2024-03-07T08:45:26.685" v="1287" actId="20577"/>
          <ac:spMkLst>
            <pc:docMk/>
            <pc:sldMk cId="4074686638" sldId="276"/>
            <ac:spMk id="2" creationId="{45B2AA3C-41E5-CA00-DC55-B12CC4902694}"/>
          </ac:spMkLst>
        </pc:spChg>
        <pc:spChg chg="mod">
          <ac:chgData name="Uwe Petersen" userId="4baf0fb5-1197-4c58-81cd-d3310c843041" providerId="ADAL" clId="{FE8D81A3-903B-4D1D-828B-27E447B24974}" dt="2024-03-07T08:46:33.766" v="1322" actId="20577"/>
          <ac:spMkLst>
            <pc:docMk/>
            <pc:sldMk cId="4074686638" sldId="276"/>
            <ac:spMk id="3" creationId="{1B8CFE9B-68CB-CFCE-7301-CA6F8348F23B}"/>
          </ac:spMkLst>
        </pc:spChg>
      </pc:sldChg>
      <pc:sldMasterChg chg="modSldLayout">
        <pc:chgData name="Uwe Petersen" userId="4baf0fb5-1197-4c58-81cd-d3310c843041" providerId="ADAL" clId="{FE8D81A3-903B-4D1D-828B-27E447B24974}" dt="2024-03-08T16:26:25.938" v="1459" actId="20577"/>
        <pc:sldMasterMkLst>
          <pc:docMk/>
          <pc:sldMasterMk cId="2523064765" sldId="2147483660"/>
        </pc:sldMasterMkLst>
        <pc:sldLayoutChg chg="modSp mod">
          <pc:chgData name="Uwe Petersen" userId="4baf0fb5-1197-4c58-81cd-d3310c843041" providerId="ADAL" clId="{FE8D81A3-903B-4D1D-828B-27E447B24974}" dt="2024-03-08T16:26:25.848" v="1419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Uwe Petersen" userId="4baf0fb5-1197-4c58-81cd-d3310c843041" providerId="ADAL" clId="{FE8D81A3-903B-4D1D-828B-27E447B24974}" dt="2024-03-08T16:26:25.848" v="1419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873" v="1431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Uwe Petersen" userId="4baf0fb5-1197-4c58-81cd-d3310c843041" providerId="ADAL" clId="{FE8D81A3-903B-4D1D-828B-27E447B24974}" dt="2024-03-08T16:26:25.873" v="1431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898" v="144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Uwe Petersen" userId="4baf0fb5-1197-4c58-81cd-d3310c843041" providerId="ADAL" clId="{FE8D81A3-903B-4D1D-828B-27E447B24974}" dt="2024-03-08T16:26:25.898" v="144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918" v="1451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Uwe Petersen" userId="4baf0fb5-1197-4c58-81cd-d3310c843041" providerId="ADAL" clId="{FE8D81A3-903B-4D1D-828B-27E447B24974}" dt="2024-03-08T16:26:25.918" v="1451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938" v="1459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Uwe Petersen" userId="4baf0fb5-1197-4c58-81cd-d3310c843041" providerId="ADAL" clId="{FE8D81A3-903B-4D1D-828B-27E447B24974}" dt="2024-03-08T16:26:25.938" v="1459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928" v="1455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Uwe Petersen" userId="4baf0fb5-1197-4c58-81cd-d3310c843041" providerId="ADAL" clId="{FE8D81A3-903B-4D1D-828B-27E447B24974}" dt="2024-03-08T16:26:25.928" v="1455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888" v="1439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Uwe Petersen" userId="4baf0fb5-1197-4c58-81cd-d3310c843041" providerId="ADAL" clId="{FE8D81A3-903B-4D1D-828B-27E447B24974}" dt="2024-03-08T16:26:25.888" v="1439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908" v="1447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Uwe Petersen" userId="4baf0fb5-1197-4c58-81cd-d3310c843041" providerId="ADAL" clId="{FE8D81A3-903B-4D1D-828B-27E447B24974}" dt="2024-03-08T16:26:25.908" v="1447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882" v="1435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Uwe Petersen" userId="4baf0fb5-1197-4c58-81cd-d3310c843041" providerId="ADAL" clId="{FE8D81A3-903B-4D1D-828B-27E447B24974}" dt="2024-03-08T16:26:25.882" v="1435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858" v="1423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Uwe Petersen" userId="4baf0fb5-1197-4c58-81cd-d3310c843041" providerId="ADAL" clId="{FE8D81A3-903B-4D1D-828B-27E447B24974}" dt="2024-03-08T16:26:25.858" v="1423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Uwe Petersen" userId="4baf0fb5-1197-4c58-81cd-d3310c843041" providerId="ADAL" clId="{FE8D81A3-903B-4D1D-828B-27E447B24974}" dt="2024-03-08T16:26:25.868" v="1427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Uwe Petersen" userId="4baf0fb5-1197-4c58-81cd-d3310c843041" providerId="ADAL" clId="{FE8D81A3-903B-4D1D-828B-27E447B24974}" dt="2024-03-08T16:26:25.868" v="1427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</pc:sldMasterChg>
    </pc:docChg>
  </pc:docChgLst>
  <pc:docChgLst>
    <pc:chgData name="Antoneta Gjeka" userId="d5ab25cb-dc02-4544-b669-f07ec99d1f5d" providerId="ADAL" clId="{7DE0A14C-37B2-4927-9E29-93F33CE8BFB4}"/>
    <pc:docChg chg="undo custSel addSld delSld modSld sldOrd modMainMaster">
      <pc:chgData name="Antoneta Gjeka" userId="d5ab25cb-dc02-4544-b669-f07ec99d1f5d" providerId="ADAL" clId="{7DE0A14C-37B2-4927-9E29-93F33CE8BFB4}" dt="2024-11-07T08:05:35.391" v="2348" actId="20577"/>
      <pc:docMkLst>
        <pc:docMk/>
      </pc:docMkLst>
      <pc:sldChg chg="addSp modSp mod">
        <pc:chgData name="Antoneta Gjeka" userId="d5ab25cb-dc02-4544-b669-f07ec99d1f5d" providerId="ADAL" clId="{7DE0A14C-37B2-4927-9E29-93F33CE8BFB4}" dt="2024-11-06T10:35:13.348" v="2260"/>
        <pc:sldMkLst>
          <pc:docMk/>
          <pc:sldMk cId="1383928708" sldId="261"/>
        </pc:sldMkLst>
        <pc:spChg chg="add mod">
          <ac:chgData name="Antoneta Gjeka" userId="d5ab25cb-dc02-4544-b669-f07ec99d1f5d" providerId="ADAL" clId="{7DE0A14C-37B2-4927-9E29-93F33CE8BFB4}" dt="2024-11-06T10:35:13.348" v="2260"/>
          <ac:spMkLst>
            <pc:docMk/>
            <pc:sldMk cId="1383928708" sldId="261"/>
            <ac:spMk id="2" creationId="{B664866E-8B9B-266D-4E60-D31AFFFFBF92}"/>
          </ac:spMkLst>
        </pc:spChg>
        <pc:spChg chg="mod">
          <ac:chgData name="Antoneta Gjeka" userId="d5ab25cb-dc02-4544-b669-f07ec99d1f5d" providerId="ADAL" clId="{7DE0A14C-37B2-4927-9E29-93F33CE8BFB4}" dt="2024-09-30T10:45:33.471" v="1062" actId="20577"/>
          <ac:spMkLst>
            <pc:docMk/>
            <pc:sldMk cId="1383928708" sldId="261"/>
            <ac:spMk id="4" creationId="{6FF69E04-8523-4965-90ED-73D4F9BAE271}"/>
          </ac:spMkLst>
        </pc:spChg>
      </pc:sldChg>
      <pc:sldChg chg="addSp modSp">
        <pc:chgData name="Antoneta Gjeka" userId="d5ab25cb-dc02-4544-b669-f07ec99d1f5d" providerId="ADAL" clId="{7DE0A14C-37B2-4927-9E29-93F33CE8BFB4}" dt="2024-11-06T10:34:48.651" v="2250"/>
        <pc:sldMkLst>
          <pc:docMk/>
          <pc:sldMk cId="3709959988" sldId="270"/>
        </pc:sldMkLst>
        <pc:spChg chg="add mod">
          <ac:chgData name="Antoneta Gjeka" userId="d5ab25cb-dc02-4544-b669-f07ec99d1f5d" providerId="ADAL" clId="{7DE0A14C-37B2-4927-9E29-93F33CE8BFB4}" dt="2024-11-06T10:34:48.651" v="2250"/>
          <ac:spMkLst>
            <pc:docMk/>
            <pc:sldMk cId="3709959988" sldId="270"/>
            <ac:spMk id="2" creationId="{0664DDE8-B7C7-B084-EA43-CAC45029DD5F}"/>
          </ac:spMkLst>
        </pc:spChg>
      </pc:sldChg>
      <pc:sldChg chg="addSp modSp mod">
        <pc:chgData name="Antoneta Gjeka" userId="d5ab25cb-dc02-4544-b669-f07ec99d1f5d" providerId="ADAL" clId="{7DE0A14C-37B2-4927-9E29-93F33CE8BFB4}" dt="2024-11-06T10:34:43.219" v="2249" actId="208"/>
        <pc:sldMkLst>
          <pc:docMk/>
          <pc:sldMk cId="2230748882" sldId="271"/>
        </pc:sldMkLst>
        <pc:spChg chg="add mod">
          <ac:chgData name="Antoneta Gjeka" userId="d5ab25cb-dc02-4544-b669-f07ec99d1f5d" providerId="ADAL" clId="{7DE0A14C-37B2-4927-9E29-93F33CE8BFB4}" dt="2024-11-06T10:34:43.219" v="2249" actId="208"/>
          <ac:spMkLst>
            <pc:docMk/>
            <pc:sldMk cId="2230748882" sldId="271"/>
            <ac:spMk id="2" creationId="{5FCDCAF5-9B1C-2BBB-932C-DB9C28092802}"/>
          </ac:spMkLst>
        </pc:spChg>
        <pc:spChg chg="mod">
          <ac:chgData name="Antoneta Gjeka" userId="d5ab25cb-dc02-4544-b669-f07ec99d1f5d" providerId="ADAL" clId="{7DE0A14C-37B2-4927-9E29-93F33CE8BFB4}" dt="2024-11-05T11:52:30.072" v="2191" actId="20577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Antoneta Gjeka" userId="d5ab25cb-dc02-4544-b669-f07ec99d1f5d" providerId="ADAL" clId="{7DE0A14C-37B2-4927-9E29-93F33CE8BFB4}" dt="2024-11-05T11:52:38.401" v="2201" actId="20577"/>
          <ac:spMkLst>
            <pc:docMk/>
            <pc:sldMk cId="2230748882" sldId="271"/>
            <ac:spMk id="7" creationId="{0BF70DC3-66C9-451C-917E-BA44956D1DBD}"/>
          </ac:spMkLst>
        </pc:spChg>
      </pc:sldChg>
      <pc:sldChg chg="addSp modSp">
        <pc:chgData name="Antoneta Gjeka" userId="d5ab25cb-dc02-4544-b669-f07ec99d1f5d" providerId="ADAL" clId="{7DE0A14C-37B2-4927-9E29-93F33CE8BFB4}" dt="2024-11-06T10:34:53.445" v="2252"/>
        <pc:sldMkLst>
          <pc:docMk/>
          <pc:sldMk cId="2604203220" sldId="272"/>
        </pc:sldMkLst>
        <pc:spChg chg="add mod">
          <ac:chgData name="Antoneta Gjeka" userId="d5ab25cb-dc02-4544-b669-f07ec99d1f5d" providerId="ADAL" clId="{7DE0A14C-37B2-4927-9E29-93F33CE8BFB4}" dt="2024-11-06T10:34:53.445" v="2252"/>
          <ac:spMkLst>
            <pc:docMk/>
            <pc:sldMk cId="2604203220" sldId="272"/>
            <ac:spMk id="2" creationId="{1C06D332-4EB5-E42C-A573-9899646CB0AD}"/>
          </ac:spMkLst>
        </pc:spChg>
      </pc:sldChg>
      <pc:sldChg chg="addSp modSp mod">
        <pc:chgData name="Antoneta Gjeka" userId="d5ab25cb-dc02-4544-b669-f07ec99d1f5d" providerId="ADAL" clId="{7DE0A14C-37B2-4927-9E29-93F33CE8BFB4}" dt="2024-11-06T10:35:03.071" v="2256"/>
        <pc:sldMkLst>
          <pc:docMk/>
          <pc:sldMk cId="1219901180" sldId="273"/>
        </pc:sldMkLst>
        <pc:spChg chg="mod">
          <ac:chgData name="Antoneta Gjeka" userId="d5ab25cb-dc02-4544-b669-f07ec99d1f5d" providerId="ADAL" clId="{7DE0A14C-37B2-4927-9E29-93F33CE8BFB4}" dt="2024-10-22T09:49:12.928" v="1850" actId="14100"/>
          <ac:spMkLst>
            <pc:docMk/>
            <pc:sldMk cId="1219901180" sldId="273"/>
            <ac:spMk id="3" creationId="{1E0D5280-48CF-F130-338C-5CACEEF4D044}"/>
          </ac:spMkLst>
        </pc:spChg>
        <pc:spChg chg="add mod">
          <ac:chgData name="Antoneta Gjeka" userId="d5ab25cb-dc02-4544-b669-f07ec99d1f5d" providerId="ADAL" clId="{7DE0A14C-37B2-4927-9E29-93F33CE8BFB4}" dt="2024-11-06T10:35:03.071" v="2256"/>
          <ac:spMkLst>
            <pc:docMk/>
            <pc:sldMk cId="1219901180" sldId="273"/>
            <ac:spMk id="4" creationId="{8C60873B-E4A7-C72F-8591-7F61AC85FD09}"/>
          </ac:spMkLst>
        </pc:spChg>
        <pc:picChg chg="add mod">
          <ac:chgData name="Antoneta Gjeka" userId="d5ab25cb-dc02-4544-b669-f07ec99d1f5d" providerId="ADAL" clId="{7DE0A14C-37B2-4927-9E29-93F33CE8BFB4}" dt="2024-10-22T09:49:03.202" v="1848" actId="1076"/>
          <ac:picMkLst>
            <pc:docMk/>
            <pc:sldMk cId="1219901180" sldId="273"/>
            <ac:picMk id="1026" creationId="{DBB5C443-B500-00E8-D6C3-81A9F727F68A}"/>
          </ac:picMkLst>
        </pc:picChg>
      </pc:sldChg>
      <pc:sldChg chg="addSp modSp mod">
        <pc:chgData name="Antoneta Gjeka" userId="d5ab25cb-dc02-4544-b669-f07ec99d1f5d" providerId="ADAL" clId="{7DE0A14C-37B2-4927-9E29-93F33CE8BFB4}" dt="2024-11-06T10:35:05.585" v="2257"/>
        <pc:sldMkLst>
          <pc:docMk/>
          <pc:sldMk cId="2048831960" sldId="274"/>
        </pc:sldMkLst>
        <pc:spChg chg="add mod">
          <ac:chgData name="Antoneta Gjeka" userId="d5ab25cb-dc02-4544-b669-f07ec99d1f5d" providerId="ADAL" clId="{7DE0A14C-37B2-4927-9E29-93F33CE8BFB4}" dt="2024-11-06T10:35:05.585" v="2257"/>
          <ac:spMkLst>
            <pc:docMk/>
            <pc:sldMk cId="2048831960" sldId="274"/>
            <ac:spMk id="3" creationId="{F8C54B0B-0BDD-A242-1186-A96379DF412F}"/>
          </ac:spMkLst>
        </pc:spChg>
        <pc:picChg chg="mod modCrop">
          <ac:chgData name="Antoneta Gjeka" userId="d5ab25cb-dc02-4544-b669-f07ec99d1f5d" providerId="ADAL" clId="{7DE0A14C-37B2-4927-9E29-93F33CE8BFB4}" dt="2024-09-19T18:20:17.331" v="115" actId="732"/>
          <ac:picMkLst>
            <pc:docMk/>
            <pc:sldMk cId="2048831960" sldId="274"/>
            <ac:picMk id="5" creationId="{951AA559-BBEA-5B40-6974-5539610BBA0E}"/>
          </ac:picMkLst>
        </pc:picChg>
      </pc:sldChg>
      <pc:sldChg chg="addSp delSp modSp mod ord">
        <pc:chgData name="Antoneta Gjeka" userId="d5ab25cb-dc02-4544-b669-f07ec99d1f5d" providerId="ADAL" clId="{7DE0A14C-37B2-4927-9E29-93F33CE8BFB4}" dt="2024-11-06T10:35:00.217" v="2255"/>
        <pc:sldMkLst>
          <pc:docMk/>
          <pc:sldMk cId="1033920551" sldId="275"/>
        </pc:sldMkLst>
        <pc:spChg chg="add mod">
          <ac:chgData name="Antoneta Gjeka" userId="d5ab25cb-dc02-4544-b669-f07ec99d1f5d" providerId="ADAL" clId="{7DE0A14C-37B2-4927-9E29-93F33CE8BFB4}" dt="2024-11-06T10:35:00.217" v="2255"/>
          <ac:spMkLst>
            <pc:docMk/>
            <pc:sldMk cId="1033920551" sldId="275"/>
            <ac:spMk id="3" creationId="{1F45563C-7535-EE2B-A834-FB5C91DE5692}"/>
          </ac:spMkLst>
        </pc:spChg>
        <pc:spChg chg="add del mod">
          <ac:chgData name="Antoneta Gjeka" userId="d5ab25cb-dc02-4544-b669-f07ec99d1f5d" providerId="ADAL" clId="{7DE0A14C-37B2-4927-9E29-93F33CE8BFB4}" dt="2024-09-30T09:42:54.316" v="180"/>
          <ac:spMkLst>
            <pc:docMk/>
            <pc:sldMk cId="1033920551" sldId="275"/>
            <ac:spMk id="4" creationId="{A9F31E51-4E10-ED32-69EC-473A2A88F3AE}"/>
          </ac:spMkLst>
        </pc:spChg>
        <pc:picChg chg="del">
          <ac:chgData name="Antoneta Gjeka" userId="d5ab25cb-dc02-4544-b669-f07ec99d1f5d" providerId="ADAL" clId="{7DE0A14C-37B2-4927-9E29-93F33CE8BFB4}" dt="2024-09-30T09:42:47.734" v="179" actId="21"/>
          <ac:picMkLst>
            <pc:docMk/>
            <pc:sldMk cId="1033920551" sldId="275"/>
            <ac:picMk id="5" creationId="{EF7CB027-EF9A-B330-5D18-23E6FA0F63C7}"/>
          </ac:picMkLst>
        </pc:picChg>
        <pc:picChg chg="add mod modCrop">
          <ac:chgData name="Antoneta Gjeka" userId="d5ab25cb-dc02-4544-b669-f07ec99d1f5d" providerId="ADAL" clId="{7DE0A14C-37B2-4927-9E29-93F33CE8BFB4}" dt="2024-09-30T10:46:41.841" v="1074" actId="732"/>
          <ac:picMkLst>
            <pc:docMk/>
            <pc:sldMk cId="1033920551" sldId="275"/>
            <ac:picMk id="6" creationId="{C01EB4D8-3C9E-2B29-FAAB-6A5379D552DE}"/>
          </ac:picMkLst>
        </pc:picChg>
      </pc:sldChg>
      <pc:sldChg chg="addSp modSp mod">
        <pc:chgData name="Antoneta Gjeka" userId="d5ab25cb-dc02-4544-b669-f07ec99d1f5d" providerId="ADAL" clId="{7DE0A14C-37B2-4927-9E29-93F33CE8BFB4}" dt="2024-11-06T10:34:55.851" v="2253"/>
        <pc:sldMkLst>
          <pc:docMk/>
          <pc:sldMk cId="4074686638" sldId="276"/>
        </pc:sldMkLst>
        <pc:spChg chg="mod">
          <ac:chgData name="Antoneta Gjeka" userId="d5ab25cb-dc02-4544-b669-f07ec99d1f5d" providerId="ADAL" clId="{7DE0A14C-37B2-4927-9E29-93F33CE8BFB4}" dt="2024-09-19T18:18:52.442" v="112" actId="20577"/>
          <ac:spMkLst>
            <pc:docMk/>
            <pc:sldMk cId="4074686638" sldId="276"/>
            <ac:spMk id="3" creationId="{1B8CFE9B-68CB-CFCE-7301-CA6F8348F23B}"/>
          </ac:spMkLst>
        </pc:spChg>
        <pc:spChg chg="add mod">
          <ac:chgData name="Antoneta Gjeka" userId="d5ab25cb-dc02-4544-b669-f07ec99d1f5d" providerId="ADAL" clId="{7DE0A14C-37B2-4927-9E29-93F33CE8BFB4}" dt="2024-11-06T10:34:55.851" v="2253"/>
          <ac:spMkLst>
            <pc:docMk/>
            <pc:sldMk cId="4074686638" sldId="276"/>
            <ac:spMk id="4" creationId="{C7878135-A94C-A7FF-BB31-1B2499871D34}"/>
          </ac:spMkLst>
        </pc:spChg>
      </pc:sldChg>
      <pc:sldChg chg="addSp modSp">
        <pc:chgData name="Antoneta Gjeka" userId="d5ab25cb-dc02-4544-b669-f07ec99d1f5d" providerId="ADAL" clId="{7DE0A14C-37B2-4927-9E29-93F33CE8BFB4}" dt="2024-11-06T10:34:51.265" v="2251"/>
        <pc:sldMkLst>
          <pc:docMk/>
          <pc:sldMk cId="2348178329" sldId="277"/>
        </pc:sldMkLst>
        <pc:spChg chg="add mod">
          <ac:chgData name="Antoneta Gjeka" userId="d5ab25cb-dc02-4544-b669-f07ec99d1f5d" providerId="ADAL" clId="{7DE0A14C-37B2-4927-9E29-93F33CE8BFB4}" dt="2024-11-06T10:34:51.265" v="2251"/>
          <ac:spMkLst>
            <pc:docMk/>
            <pc:sldMk cId="2348178329" sldId="277"/>
            <ac:spMk id="4" creationId="{5FB14F4A-DD44-9654-A570-250366EB4FA7}"/>
          </ac:spMkLst>
        </pc:spChg>
      </pc:sldChg>
      <pc:sldChg chg="addSp delSp modSp new mod ord modClrScheme chgLayout">
        <pc:chgData name="Antoneta Gjeka" userId="d5ab25cb-dc02-4544-b669-f07ec99d1f5d" providerId="ADAL" clId="{7DE0A14C-37B2-4927-9E29-93F33CE8BFB4}" dt="2024-11-06T10:34:58.143" v="2254"/>
        <pc:sldMkLst>
          <pc:docMk/>
          <pc:sldMk cId="1029122842" sldId="278"/>
        </pc:sldMkLst>
        <pc:spChg chg="mod ord">
          <ac:chgData name="Antoneta Gjeka" userId="d5ab25cb-dc02-4544-b669-f07ec99d1f5d" providerId="ADAL" clId="{7DE0A14C-37B2-4927-9E29-93F33CE8BFB4}" dt="2024-09-30T12:34:33.129" v="1299" actId="20577"/>
          <ac:spMkLst>
            <pc:docMk/>
            <pc:sldMk cId="1029122842" sldId="278"/>
            <ac:spMk id="2" creationId="{AAB66B4F-02CE-0516-A20D-DCEACE03E945}"/>
          </ac:spMkLst>
        </pc:spChg>
        <pc:spChg chg="del">
          <ac:chgData name="Antoneta Gjeka" userId="d5ab25cb-dc02-4544-b669-f07ec99d1f5d" providerId="ADAL" clId="{7DE0A14C-37B2-4927-9E29-93F33CE8BFB4}" dt="2024-09-30T09:40:22.228" v="163" actId="22"/>
          <ac:spMkLst>
            <pc:docMk/>
            <pc:sldMk cId="1029122842" sldId="278"/>
            <ac:spMk id="3" creationId="{24091ED1-B22E-AB16-4CE8-AC783F480255}"/>
          </ac:spMkLst>
        </pc:spChg>
        <pc:spChg chg="add mod">
          <ac:chgData name="Antoneta Gjeka" userId="d5ab25cb-dc02-4544-b669-f07ec99d1f5d" providerId="ADAL" clId="{7DE0A14C-37B2-4927-9E29-93F33CE8BFB4}" dt="2024-11-06T10:34:58.143" v="2254"/>
          <ac:spMkLst>
            <pc:docMk/>
            <pc:sldMk cId="1029122842" sldId="278"/>
            <ac:spMk id="3" creationId="{87921A6F-AC60-5244-F238-36CF83909D30}"/>
          </ac:spMkLst>
        </pc:spChg>
        <pc:spChg chg="add mod">
          <ac:chgData name="Antoneta Gjeka" userId="d5ab25cb-dc02-4544-b669-f07ec99d1f5d" providerId="ADAL" clId="{7DE0A14C-37B2-4927-9E29-93F33CE8BFB4}" dt="2024-09-30T10:45:58.073" v="1072" actId="1038"/>
          <ac:spMkLst>
            <pc:docMk/>
            <pc:sldMk cId="1029122842" sldId="278"/>
            <ac:spMk id="14" creationId="{41ACC146-FC8E-2895-E607-02D9A4728CD8}"/>
          </ac:spMkLst>
        </pc:spChg>
        <pc:spChg chg="add mod ord">
          <ac:chgData name="Antoneta Gjeka" userId="d5ab25cb-dc02-4544-b669-f07ec99d1f5d" providerId="ADAL" clId="{7DE0A14C-37B2-4927-9E29-93F33CE8BFB4}" dt="2024-09-30T12:34:50.379" v="1306" actId="14100"/>
          <ac:spMkLst>
            <pc:docMk/>
            <pc:sldMk cId="1029122842" sldId="278"/>
            <ac:spMk id="15" creationId="{3EB555CB-CD13-811A-B5D7-EB9BF6C63A10}"/>
          </ac:spMkLst>
        </pc:spChg>
        <pc:spChg chg="add mod ord">
          <ac:chgData name="Antoneta Gjeka" userId="d5ab25cb-dc02-4544-b669-f07ec99d1f5d" providerId="ADAL" clId="{7DE0A14C-37B2-4927-9E29-93F33CE8BFB4}" dt="2024-09-30T10:03:51.881" v="1040" actId="20577"/>
          <ac:spMkLst>
            <pc:docMk/>
            <pc:sldMk cId="1029122842" sldId="278"/>
            <ac:spMk id="16" creationId="{6F1EA556-B17C-6ADB-4168-901115AEF218}"/>
          </ac:spMkLst>
        </pc:spChg>
        <pc:picChg chg="add del mod modCrop">
          <ac:chgData name="Antoneta Gjeka" userId="d5ab25cb-dc02-4544-b669-f07ec99d1f5d" providerId="ADAL" clId="{7DE0A14C-37B2-4927-9E29-93F33CE8BFB4}" dt="2024-09-30T09:59:11.076" v="636" actId="21"/>
          <ac:picMkLst>
            <pc:docMk/>
            <pc:sldMk cId="1029122842" sldId="278"/>
            <ac:picMk id="5" creationId="{C31EC1C8-0931-5188-35DE-D947EAAFEDA2}"/>
          </ac:picMkLst>
        </pc:picChg>
        <pc:picChg chg="add mod ord modCrop">
          <ac:chgData name="Antoneta Gjeka" userId="d5ab25cb-dc02-4544-b669-f07ec99d1f5d" providerId="ADAL" clId="{7DE0A14C-37B2-4927-9E29-93F33CE8BFB4}" dt="2024-09-30T10:49:40.172" v="1085" actId="732"/>
          <ac:picMkLst>
            <pc:docMk/>
            <pc:sldMk cId="1029122842" sldId="278"/>
            <ac:picMk id="7" creationId="{E08BD889-CED8-87AA-8BBA-19B51BC6519E}"/>
          </ac:picMkLst>
        </pc:picChg>
        <pc:picChg chg="add mod modCrop">
          <ac:chgData name="Antoneta Gjeka" userId="d5ab25cb-dc02-4544-b669-f07ec99d1f5d" providerId="ADAL" clId="{7DE0A14C-37B2-4927-9E29-93F33CE8BFB4}" dt="2024-09-30T10:03:26.043" v="977" actId="1076"/>
          <ac:picMkLst>
            <pc:docMk/>
            <pc:sldMk cId="1029122842" sldId="278"/>
            <ac:picMk id="9" creationId="{48032934-4DDC-0981-5BA9-5242B7880F58}"/>
          </ac:picMkLst>
        </pc:picChg>
        <pc:picChg chg="add mod modCrop">
          <ac:chgData name="Antoneta Gjeka" userId="d5ab25cb-dc02-4544-b669-f07ec99d1f5d" providerId="ADAL" clId="{7DE0A14C-37B2-4927-9E29-93F33CE8BFB4}" dt="2024-09-30T10:03:56.894" v="1041" actId="1076"/>
          <ac:picMkLst>
            <pc:docMk/>
            <pc:sldMk cId="1029122842" sldId="278"/>
            <ac:picMk id="11" creationId="{57E64D71-330F-5580-61A9-87E607EE07BD}"/>
          </ac:picMkLst>
        </pc:picChg>
        <pc:picChg chg="add del mod">
          <ac:chgData name="Antoneta Gjeka" userId="d5ab25cb-dc02-4544-b669-f07ec99d1f5d" providerId="ADAL" clId="{7DE0A14C-37B2-4927-9E29-93F33CE8BFB4}" dt="2024-09-30T09:44:17.095" v="186" actId="21"/>
          <ac:picMkLst>
            <pc:docMk/>
            <pc:sldMk cId="1029122842" sldId="278"/>
            <ac:picMk id="13" creationId="{E31C70D4-703A-7A05-E0E5-964EA5671B49}"/>
          </ac:picMkLst>
        </pc:picChg>
        <pc:picChg chg="add del mod">
          <ac:chgData name="Antoneta Gjeka" userId="d5ab25cb-dc02-4544-b669-f07ec99d1f5d" providerId="ADAL" clId="{7DE0A14C-37B2-4927-9E29-93F33CE8BFB4}" dt="2024-09-30T10:02:59.509" v="961" actId="1076"/>
          <ac:picMkLst>
            <pc:docMk/>
            <pc:sldMk cId="1029122842" sldId="278"/>
            <ac:picMk id="17" creationId="{35FC3880-95DC-D003-1E7F-6BB1392156D4}"/>
          </ac:picMkLst>
        </pc:picChg>
        <pc:picChg chg="add del mod">
          <ac:chgData name="Antoneta Gjeka" userId="d5ab25cb-dc02-4544-b669-f07ec99d1f5d" providerId="ADAL" clId="{7DE0A14C-37B2-4927-9E29-93F33CE8BFB4}" dt="2024-09-30T10:02:13.399" v="949" actId="21"/>
          <ac:picMkLst>
            <pc:docMk/>
            <pc:sldMk cId="1029122842" sldId="278"/>
            <ac:picMk id="18" creationId="{AFBCBCB5-A61E-5984-51B3-EE971A5A6106}"/>
          </ac:picMkLst>
        </pc:picChg>
      </pc:sldChg>
      <pc:sldChg chg="modSp del mod">
        <pc:chgData name="Antoneta Gjeka" userId="d5ab25cb-dc02-4544-b669-f07ec99d1f5d" providerId="ADAL" clId="{7DE0A14C-37B2-4927-9E29-93F33CE8BFB4}" dt="2024-09-19T18:04:52.174" v="50" actId="2696"/>
        <pc:sldMkLst>
          <pc:docMk/>
          <pc:sldMk cId="2763507928" sldId="278"/>
        </pc:sldMkLst>
        <pc:spChg chg="mod">
          <ac:chgData name="Antoneta Gjeka" userId="d5ab25cb-dc02-4544-b669-f07ec99d1f5d" providerId="ADAL" clId="{7DE0A14C-37B2-4927-9E29-93F33CE8BFB4}" dt="2024-09-19T18:04:36.539" v="49" actId="20577"/>
          <ac:spMkLst>
            <pc:docMk/>
            <pc:sldMk cId="2763507928" sldId="278"/>
            <ac:spMk id="3" creationId="{EBFEAC41-E225-F904-CFE0-0BD7962F08A6}"/>
          </ac:spMkLst>
        </pc:spChg>
      </pc:sldChg>
      <pc:sldChg chg="addSp modSp new mod ord modShow">
        <pc:chgData name="Antoneta Gjeka" userId="d5ab25cb-dc02-4544-b669-f07ec99d1f5d" providerId="ADAL" clId="{7DE0A14C-37B2-4927-9E29-93F33CE8BFB4}" dt="2024-11-06T10:35:11.402" v="2259"/>
        <pc:sldMkLst>
          <pc:docMk/>
          <pc:sldMk cId="665929023" sldId="279"/>
        </pc:sldMkLst>
        <pc:spChg chg="mod">
          <ac:chgData name="Antoneta Gjeka" userId="d5ab25cb-dc02-4544-b669-f07ec99d1f5d" providerId="ADAL" clId="{7DE0A14C-37B2-4927-9E29-93F33CE8BFB4}" dt="2024-10-22T09:52:47.655" v="2056" actId="20577"/>
          <ac:spMkLst>
            <pc:docMk/>
            <pc:sldMk cId="665929023" sldId="279"/>
            <ac:spMk id="2" creationId="{FD880CB2-86AD-4B5B-151C-E809F5D9578D}"/>
          </ac:spMkLst>
        </pc:spChg>
        <pc:spChg chg="mod">
          <ac:chgData name="Antoneta Gjeka" userId="d5ab25cb-dc02-4544-b669-f07ec99d1f5d" providerId="ADAL" clId="{7DE0A14C-37B2-4927-9E29-93F33CE8BFB4}" dt="2024-09-30T13:04:39.184" v="1568" actId="20577"/>
          <ac:spMkLst>
            <pc:docMk/>
            <pc:sldMk cId="665929023" sldId="279"/>
            <ac:spMk id="3" creationId="{8F0D98BB-16B2-7AA4-42F5-CB45B1103C8E}"/>
          </ac:spMkLst>
        </pc:spChg>
        <pc:spChg chg="add mod">
          <ac:chgData name="Antoneta Gjeka" userId="d5ab25cb-dc02-4544-b669-f07ec99d1f5d" providerId="ADAL" clId="{7DE0A14C-37B2-4927-9E29-93F33CE8BFB4}" dt="2024-11-06T10:35:11.402" v="2259"/>
          <ac:spMkLst>
            <pc:docMk/>
            <pc:sldMk cId="665929023" sldId="279"/>
            <ac:spMk id="4" creationId="{EB949E98-D751-4582-0DE6-539234827F9B}"/>
          </ac:spMkLst>
        </pc:spChg>
      </pc:sldChg>
      <pc:sldChg chg="new del">
        <pc:chgData name="Antoneta Gjeka" userId="d5ab25cb-dc02-4544-b669-f07ec99d1f5d" providerId="ADAL" clId="{7DE0A14C-37B2-4927-9E29-93F33CE8BFB4}" dt="2024-09-30T11:03:59.403" v="1112" actId="2696"/>
        <pc:sldMkLst>
          <pc:docMk/>
          <pc:sldMk cId="520058870" sldId="280"/>
        </pc:sldMkLst>
      </pc:sldChg>
      <pc:sldChg chg="new del">
        <pc:chgData name="Antoneta Gjeka" userId="d5ab25cb-dc02-4544-b669-f07ec99d1f5d" providerId="ADAL" clId="{7DE0A14C-37B2-4927-9E29-93F33CE8BFB4}" dt="2024-09-30T11:03:51.007" v="1110" actId="2696"/>
        <pc:sldMkLst>
          <pc:docMk/>
          <pc:sldMk cId="2472162877" sldId="280"/>
        </pc:sldMkLst>
      </pc:sldChg>
      <pc:sldChg chg="addSp delSp modSp new mod">
        <pc:chgData name="Antoneta Gjeka" userId="d5ab25cb-dc02-4544-b669-f07ec99d1f5d" providerId="ADAL" clId="{7DE0A14C-37B2-4927-9E29-93F33CE8BFB4}" dt="2024-11-06T10:35:07.966" v="2258"/>
        <pc:sldMkLst>
          <pc:docMk/>
          <pc:sldMk cId="3336927767" sldId="280"/>
        </pc:sldMkLst>
        <pc:spChg chg="mod">
          <ac:chgData name="Antoneta Gjeka" userId="d5ab25cb-dc02-4544-b669-f07ec99d1f5d" providerId="ADAL" clId="{7DE0A14C-37B2-4927-9E29-93F33CE8BFB4}" dt="2024-09-30T12:32:22.142" v="1282" actId="20577"/>
          <ac:spMkLst>
            <pc:docMk/>
            <pc:sldMk cId="3336927767" sldId="280"/>
            <ac:spMk id="2" creationId="{24CCABD0-1CAB-C727-EE58-E96CEF09C3F6}"/>
          </ac:spMkLst>
        </pc:spChg>
        <pc:spChg chg="del">
          <ac:chgData name="Antoneta Gjeka" userId="d5ab25cb-dc02-4544-b669-f07ec99d1f5d" providerId="ADAL" clId="{7DE0A14C-37B2-4927-9E29-93F33CE8BFB4}" dt="2024-09-30T13:01:06.866" v="1323"/>
          <ac:spMkLst>
            <pc:docMk/>
            <pc:sldMk cId="3336927767" sldId="280"/>
            <ac:spMk id="3" creationId="{F50B18C9-551F-790F-A46C-B0C306A51D44}"/>
          </ac:spMkLst>
        </pc:spChg>
        <pc:spChg chg="add mod">
          <ac:chgData name="Antoneta Gjeka" userId="d5ab25cb-dc02-4544-b669-f07ec99d1f5d" providerId="ADAL" clId="{7DE0A14C-37B2-4927-9E29-93F33CE8BFB4}" dt="2024-11-06T10:35:07.966" v="2258"/>
          <ac:spMkLst>
            <pc:docMk/>
            <pc:sldMk cId="3336927767" sldId="280"/>
            <ac:spMk id="3" creationId="{FEAAE0CB-C680-B8F4-FD57-1690C16097A9}"/>
          </ac:spMkLst>
        </pc:spChg>
        <pc:spChg chg="add mod">
          <ac:chgData name="Antoneta Gjeka" userId="d5ab25cb-dc02-4544-b669-f07ec99d1f5d" providerId="ADAL" clId="{7DE0A14C-37B2-4927-9E29-93F33CE8BFB4}" dt="2024-10-22T09:54:25.134" v="2084" actId="113"/>
          <ac:spMkLst>
            <pc:docMk/>
            <pc:sldMk cId="3336927767" sldId="280"/>
            <ac:spMk id="4" creationId="{47EE4694-0A18-531F-49E1-C801EFA46390}"/>
          </ac:spMkLst>
        </pc:spChg>
        <pc:picChg chg="add mod">
          <ac:chgData name="Antoneta Gjeka" userId="d5ab25cb-dc02-4544-b669-f07ec99d1f5d" providerId="ADAL" clId="{7DE0A14C-37B2-4927-9E29-93F33CE8BFB4}" dt="2024-10-22T09:51:34.437" v="1977" actId="1076"/>
          <ac:picMkLst>
            <pc:docMk/>
            <pc:sldMk cId="3336927767" sldId="280"/>
            <ac:picMk id="2050" creationId="{FCE23BC6-6530-02E6-FB9E-8BEB2EC81F3B}"/>
          </ac:picMkLst>
        </pc:picChg>
        <pc:picChg chg="add mod">
          <ac:chgData name="Antoneta Gjeka" userId="d5ab25cb-dc02-4544-b669-f07ec99d1f5d" providerId="ADAL" clId="{7DE0A14C-37B2-4927-9E29-93F33CE8BFB4}" dt="2024-10-22T09:51:38.456" v="1978" actId="1076"/>
          <ac:picMkLst>
            <pc:docMk/>
            <pc:sldMk cId="3336927767" sldId="280"/>
            <ac:picMk id="2051" creationId="{89CCB844-49CB-9309-DE2A-66A0D0A00F1A}"/>
          </ac:picMkLst>
        </pc:picChg>
      </pc:sldChg>
      <pc:sldMasterChg chg="modSldLayout">
        <pc:chgData name="Antoneta Gjeka" userId="d5ab25cb-dc02-4544-b669-f07ec99d1f5d" providerId="ADAL" clId="{7DE0A14C-37B2-4927-9E29-93F33CE8BFB4}" dt="2024-11-07T08:05:35.391" v="2348" actId="20577"/>
        <pc:sldMasterMkLst>
          <pc:docMk/>
          <pc:sldMasterMk cId="2523064765" sldId="2147483660"/>
        </pc:sldMasterMkLst>
        <pc:sldLayoutChg chg="modSp mod">
          <pc:chgData name="Antoneta Gjeka" userId="d5ab25cb-dc02-4544-b669-f07ec99d1f5d" providerId="ADAL" clId="{7DE0A14C-37B2-4927-9E29-93F33CE8BFB4}" dt="2024-11-07T08:05:35.345" v="2308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Antoneta Gjeka" userId="d5ab25cb-dc02-4544-b669-f07ec99d1f5d" providerId="ADAL" clId="{7DE0A14C-37B2-4927-9E29-93F33CE8BFB4}" dt="2024-11-07T08:05:35.345" v="2308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60" v="2320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Antoneta Gjeka" userId="d5ab25cb-dc02-4544-b669-f07ec99d1f5d" providerId="ADAL" clId="{7DE0A14C-37B2-4927-9E29-93F33CE8BFB4}" dt="2024-11-07T08:05:35.360" v="2320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76" v="2332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Antoneta Gjeka" userId="d5ab25cb-dc02-4544-b669-f07ec99d1f5d" providerId="ADAL" clId="{7DE0A14C-37B2-4927-9E29-93F33CE8BFB4}" dt="2024-11-07T08:05:35.376" v="2332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91" v="2340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Antoneta Gjeka" userId="d5ab25cb-dc02-4544-b669-f07ec99d1f5d" providerId="ADAL" clId="{7DE0A14C-37B2-4927-9E29-93F33CE8BFB4}" dt="2024-11-07T08:05:35.391" v="2340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91" v="2348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Antoneta Gjeka" userId="d5ab25cb-dc02-4544-b669-f07ec99d1f5d" providerId="ADAL" clId="{7DE0A14C-37B2-4927-9E29-93F33CE8BFB4}" dt="2024-11-07T08:05:35.391" v="2348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91" v="2344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Antoneta Gjeka" userId="d5ab25cb-dc02-4544-b669-f07ec99d1f5d" providerId="ADAL" clId="{7DE0A14C-37B2-4927-9E29-93F33CE8BFB4}" dt="2024-11-07T08:05:35.391" v="2344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76" v="2328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Antoneta Gjeka" userId="d5ab25cb-dc02-4544-b669-f07ec99d1f5d" providerId="ADAL" clId="{7DE0A14C-37B2-4927-9E29-93F33CE8BFB4}" dt="2024-11-07T08:05:35.376" v="2328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76" v="2336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Antoneta Gjeka" userId="d5ab25cb-dc02-4544-b669-f07ec99d1f5d" providerId="ADAL" clId="{7DE0A14C-37B2-4927-9E29-93F33CE8BFB4}" dt="2024-11-07T08:05:35.376" v="2336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60" v="2324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Antoneta Gjeka" userId="d5ab25cb-dc02-4544-b669-f07ec99d1f5d" providerId="ADAL" clId="{7DE0A14C-37B2-4927-9E29-93F33CE8BFB4}" dt="2024-11-07T08:05:35.360" v="2324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60" v="2312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Antoneta Gjeka" userId="d5ab25cb-dc02-4544-b669-f07ec99d1f5d" providerId="ADAL" clId="{7DE0A14C-37B2-4927-9E29-93F33CE8BFB4}" dt="2024-11-07T08:05:35.360" v="2312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Antoneta Gjeka" userId="d5ab25cb-dc02-4544-b669-f07ec99d1f5d" providerId="ADAL" clId="{7DE0A14C-37B2-4927-9E29-93F33CE8BFB4}" dt="2024-11-07T08:05:35.360" v="2316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Antoneta Gjeka" userId="d5ab25cb-dc02-4544-b669-f07ec99d1f5d" providerId="ADAL" clId="{7DE0A14C-37B2-4927-9E29-93F33CE8BFB4}" dt="2024-11-07T08:05:35.360" v="2316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</pc:sldMasterChg>
    </pc:docChg>
  </pc:docChgLst>
  <pc:docChgLst>
    <pc:chgData name="Uwe Petersen" userId="4baf0fb5-1197-4c58-81cd-d3310c843041" providerId="ADAL" clId="{87AEFA96-5DBC-44E5-9288-7025883F90CE}"/>
    <pc:docChg chg="custSel modMainMaster">
      <pc:chgData name="Uwe Petersen" userId="4baf0fb5-1197-4c58-81cd-d3310c843041" providerId="ADAL" clId="{87AEFA96-5DBC-44E5-9288-7025883F90CE}" dt="2024-04-09T12:05:07.428" v="87" actId="20577"/>
      <pc:docMkLst>
        <pc:docMk/>
      </pc:docMkLst>
      <pc:sldMasterChg chg="modSldLayout">
        <pc:chgData name="Uwe Petersen" userId="4baf0fb5-1197-4c58-81cd-d3310c843041" providerId="ADAL" clId="{87AEFA96-5DBC-44E5-9288-7025883F90CE}" dt="2024-04-09T12:05:07.428" v="87" actId="20577"/>
        <pc:sldMasterMkLst>
          <pc:docMk/>
          <pc:sldMasterMk cId="2523064765" sldId="2147483660"/>
        </pc:sldMasterMkLst>
        <pc:sldLayoutChg chg="modSp mod">
          <pc:chgData name="Uwe Petersen" userId="4baf0fb5-1197-4c58-81cd-d3310c843041" providerId="ADAL" clId="{87AEFA96-5DBC-44E5-9288-7025883F90CE}" dt="2024-04-09T12:05:07.278" v="47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Uwe Petersen" userId="4baf0fb5-1197-4c58-81cd-d3310c843041" providerId="ADAL" clId="{87AEFA96-5DBC-44E5-9288-7025883F90CE}" dt="2024-04-09T12:05:07.278" v="47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325" v="59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Uwe Petersen" userId="4baf0fb5-1197-4c58-81cd-d3310c843041" providerId="ADAL" clId="{87AEFA96-5DBC-44E5-9288-7025883F90CE}" dt="2024-04-09T12:05:07.325" v="59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363" v="71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Uwe Petersen" userId="4baf0fb5-1197-4c58-81cd-d3310c843041" providerId="ADAL" clId="{87AEFA96-5DBC-44E5-9288-7025883F90CE}" dt="2024-04-09T12:05:07.363" v="71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395" v="79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Uwe Petersen" userId="4baf0fb5-1197-4c58-81cd-d3310c843041" providerId="ADAL" clId="{87AEFA96-5DBC-44E5-9288-7025883F90CE}" dt="2024-04-09T12:05:07.395" v="79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428" v="87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Uwe Petersen" userId="4baf0fb5-1197-4c58-81cd-d3310c843041" providerId="ADAL" clId="{87AEFA96-5DBC-44E5-9288-7025883F90CE}" dt="2024-04-09T12:05:07.428" v="87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409" v="83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Uwe Petersen" userId="4baf0fb5-1197-4c58-81cd-d3310c843041" providerId="ADAL" clId="{87AEFA96-5DBC-44E5-9288-7025883F90CE}" dt="2024-04-09T12:05:07.409" v="83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346" v="67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Uwe Petersen" userId="4baf0fb5-1197-4c58-81cd-d3310c843041" providerId="ADAL" clId="{87AEFA96-5DBC-44E5-9288-7025883F90CE}" dt="2024-04-09T12:05:07.346" v="67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380" v="75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Uwe Petersen" userId="4baf0fb5-1197-4c58-81cd-d3310c843041" providerId="ADAL" clId="{87AEFA96-5DBC-44E5-9288-7025883F90CE}" dt="2024-04-09T12:05:07.380" v="75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335" v="63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Uwe Petersen" userId="4baf0fb5-1197-4c58-81cd-d3310c843041" providerId="ADAL" clId="{87AEFA96-5DBC-44E5-9288-7025883F90CE}" dt="2024-04-09T12:05:07.335" v="63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292" v="51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Uwe Petersen" userId="4baf0fb5-1197-4c58-81cd-d3310c843041" providerId="ADAL" clId="{87AEFA96-5DBC-44E5-9288-7025883F90CE}" dt="2024-04-09T12:05:07.292" v="51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Uwe Petersen" userId="4baf0fb5-1197-4c58-81cd-d3310c843041" providerId="ADAL" clId="{87AEFA96-5DBC-44E5-9288-7025883F90CE}" dt="2024-04-09T12:05:07.310" v="55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Uwe Petersen" userId="4baf0fb5-1197-4c58-81cd-d3310c843041" providerId="ADAL" clId="{87AEFA96-5DBC-44E5-9288-7025883F90CE}" dt="2024-04-09T12:05:07.310" v="55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</pc:sldMasterChg>
    </pc:docChg>
  </pc:docChgLst>
  <pc:docChgLst>
    <pc:chgData name="Antoneta Gjeka" userId="d5ab25cb-dc02-4544-b669-f07ec99d1f5d" providerId="ADAL" clId="{3C60C710-888C-41F7-AF93-2D71E585E9A4}"/>
    <pc:docChg chg="custSel delSld modMainMaster">
      <pc:chgData name="Antoneta Gjeka" userId="d5ab25cb-dc02-4544-b669-f07ec99d1f5d" providerId="ADAL" clId="{3C60C710-888C-41F7-AF93-2D71E585E9A4}" dt="2024-12-10T10:23:31.846" v="44" actId="2696"/>
      <pc:docMkLst>
        <pc:docMk/>
      </pc:docMkLst>
      <pc:sldChg chg="del">
        <pc:chgData name="Antoneta Gjeka" userId="d5ab25cb-dc02-4544-b669-f07ec99d1f5d" providerId="ADAL" clId="{3C60C710-888C-41F7-AF93-2D71E585E9A4}" dt="2024-12-10T10:23:31.846" v="44" actId="2696"/>
        <pc:sldMkLst>
          <pc:docMk/>
          <pc:sldMk cId="665929023" sldId="279"/>
        </pc:sldMkLst>
      </pc:sldChg>
      <pc:sldMasterChg chg="modSldLayout">
        <pc:chgData name="Antoneta Gjeka" userId="d5ab25cb-dc02-4544-b669-f07ec99d1f5d" providerId="ADAL" clId="{3C60C710-888C-41F7-AF93-2D71E585E9A4}" dt="2024-12-10T10:23:22.345" v="43" actId="20577"/>
        <pc:sldMasterMkLst>
          <pc:docMk/>
          <pc:sldMasterMk cId="2523064765" sldId="2147483660"/>
        </pc:sldMasterMkLst>
        <pc:sldLayoutChg chg="modSp mod">
          <pc:chgData name="Antoneta Gjeka" userId="d5ab25cb-dc02-4544-b669-f07ec99d1f5d" providerId="ADAL" clId="{3C60C710-888C-41F7-AF93-2D71E585E9A4}" dt="2024-12-10T10:23:22.287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Antoneta Gjeka" userId="d5ab25cb-dc02-4544-b669-f07ec99d1f5d" providerId="ADAL" clId="{3C60C710-888C-41F7-AF93-2D71E585E9A4}" dt="2024-12-10T10:23:22.287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308" v="1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Antoneta Gjeka" userId="d5ab25cb-dc02-4544-b669-f07ec99d1f5d" providerId="ADAL" clId="{3C60C710-888C-41F7-AF93-2D71E585E9A4}" dt="2024-12-10T10:23:22.308" v="1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323" v="27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Antoneta Gjeka" userId="d5ab25cb-dc02-4544-b669-f07ec99d1f5d" providerId="ADAL" clId="{3C60C710-888C-41F7-AF93-2D71E585E9A4}" dt="2024-12-10T10:23:22.323" v="27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334" v="35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Antoneta Gjeka" userId="d5ab25cb-dc02-4544-b669-f07ec99d1f5d" providerId="ADAL" clId="{3C60C710-888C-41F7-AF93-2D71E585E9A4}" dt="2024-12-10T10:23:22.334" v="35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345" v="4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Antoneta Gjeka" userId="d5ab25cb-dc02-4544-b669-f07ec99d1f5d" providerId="ADAL" clId="{3C60C710-888C-41F7-AF93-2D71E585E9A4}" dt="2024-12-10T10:23:22.345" v="4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339" v="3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Antoneta Gjeka" userId="d5ab25cb-dc02-4544-b669-f07ec99d1f5d" providerId="ADAL" clId="{3C60C710-888C-41F7-AF93-2D71E585E9A4}" dt="2024-12-10T10:23:22.339" v="3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318" v="2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Antoneta Gjeka" userId="d5ab25cb-dc02-4544-b669-f07ec99d1f5d" providerId="ADAL" clId="{3C60C710-888C-41F7-AF93-2D71E585E9A4}" dt="2024-12-10T10:23:22.318" v="2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328" v="31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Antoneta Gjeka" userId="d5ab25cb-dc02-4544-b669-f07ec99d1f5d" providerId="ADAL" clId="{3C60C710-888C-41F7-AF93-2D71E585E9A4}" dt="2024-12-10T10:23:22.328" v="31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314" v="19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Antoneta Gjeka" userId="d5ab25cb-dc02-4544-b669-f07ec99d1f5d" providerId="ADAL" clId="{3C60C710-888C-41F7-AF93-2D71E585E9A4}" dt="2024-12-10T10:23:22.314" v="19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294" v="7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Antoneta Gjeka" userId="d5ab25cb-dc02-4544-b669-f07ec99d1f5d" providerId="ADAL" clId="{3C60C710-888C-41F7-AF93-2D71E585E9A4}" dt="2024-12-10T10:23:22.294" v="7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Antoneta Gjeka" userId="d5ab25cb-dc02-4544-b669-f07ec99d1f5d" providerId="ADAL" clId="{3C60C710-888C-41F7-AF93-2D71E585E9A4}" dt="2024-12-10T10:23:22.302" v="11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Antoneta Gjeka" userId="d5ab25cb-dc02-4544-b669-f07ec99d1f5d" providerId="ADAL" clId="{3C60C710-888C-41F7-AF93-2D71E585E9A4}" dt="2024-12-10T10:23:22.302" v="11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</pc:sldMasterChg>
    </pc:docChg>
  </pc:docChgLst>
  <pc:docChgLst>
    <pc:chgData name="Tim von Birgelen" userId="12c9ee62-fb4b-42d9-98ba-244a2ec65235" providerId="ADAL" clId="{06A17059-18AE-454C-970C-E0143B67D698}"/>
    <pc:docChg chg="custSel modMainMaster">
      <pc:chgData name="Tim von Birgelen" userId="12c9ee62-fb4b-42d9-98ba-244a2ec65235" providerId="ADAL" clId="{06A17059-18AE-454C-970C-E0143B67D698}" dt="2024-07-01T11:54:25.660" v="87" actId="20577"/>
      <pc:docMkLst>
        <pc:docMk/>
      </pc:docMkLst>
      <pc:sldMasterChg chg="modSldLayout">
        <pc:chgData name="Tim von Birgelen" userId="12c9ee62-fb4b-42d9-98ba-244a2ec65235" providerId="ADAL" clId="{06A17059-18AE-454C-970C-E0143B67D698}" dt="2024-07-01T11:54:25.660" v="87" actId="20577"/>
        <pc:sldMasterMkLst>
          <pc:docMk/>
          <pc:sldMasterMk cId="2523064765" sldId="2147483660"/>
        </pc:sldMasterMkLst>
        <pc:sldLayoutChg chg="modSp mod">
          <pc:chgData name="Tim von Birgelen" userId="12c9ee62-fb4b-42d9-98ba-244a2ec65235" providerId="ADAL" clId="{06A17059-18AE-454C-970C-E0143B67D698}" dt="2024-07-01T11:54:25.587" v="47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im von Birgelen" userId="12c9ee62-fb4b-42d9-98ba-244a2ec65235" providerId="ADAL" clId="{06A17059-18AE-454C-970C-E0143B67D698}" dt="2024-07-01T11:54:25.587" v="47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603" v="59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im von Birgelen" userId="12c9ee62-fb4b-42d9-98ba-244a2ec65235" providerId="ADAL" clId="{06A17059-18AE-454C-970C-E0143B67D698}" dt="2024-07-01T11:54:25.603" v="59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619" v="71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im von Birgelen" userId="12c9ee62-fb4b-42d9-98ba-244a2ec65235" providerId="ADAL" clId="{06A17059-18AE-454C-970C-E0143B67D698}" dt="2024-07-01T11:54:25.619" v="71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635" v="79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im von Birgelen" userId="12c9ee62-fb4b-42d9-98ba-244a2ec65235" providerId="ADAL" clId="{06A17059-18AE-454C-970C-E0143B67D698}" dt="2024-07-01T11:54:25.635" v="79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660" v="87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im von Birgelen" userId="12c9ee62-fb4b-42d9-98ba-244a2ec65235" providerId="ADAL" clId="{06A17059-18AE-454C-970C-E0143B67D698}" dt="2024-07-01T11:54:25.660" v="87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652" v="83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im von Birgelen" userId="12c9ee62-fb4b-42d9-98ba-244a2ec65235" providerId="ADAL" clId="{06A17059-18AE-454C-970C-E0143B67D698}" dt="2024-07-01T11:54:25.652" v="83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619" v="67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im von Birgelen" userId="12c9ee62-fb4b-42d9-98ba-244a2ec65235" providerId="ADAL" clId="{06A17059-18AE-454C-970C-E0143B67D698}" dt="2024-07-01T11:54:25.619" v="67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635" v="75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im von Birgelen" userId="12c9ee62-fb4b-42d9-98ba-244a2ec65235" providerId="ADAL" clId="{06A17059-18AE-454C-970C-E0143B67D698}" dt="2024-07-01T11:54:25.635" v="75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603" v="63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im von Birgelen" userId="12c9ee62-fb4b-42d9-98ba-244a2ec65235" providerId="ADAL" clId="{06A17059-18AE-454C-970C-E0143B67D698}" dt="2024-07-01T11:54:25.603" v="63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587" v="51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Tim von Birgelen" userId="12c9ee62-fb4b-42d9-98ba-244a2ec65235" providerId="ADAL" clId="{06A17059-18AE-454C-970C-E0143B67D698}" dt="2024-07-01T11:54:25.587" v="51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Tim von Birgelen" userId="12c9ee62-fb4b-42d9-98ba-244a2ec65235" providerId="ADAL" clId="{06A17059-18AE-454C-970C-E0143B67D698}" dt="2024-07-01T11:54:25.603" v="55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Tim von Birgelen" userId="12c9ee62-fb4b-42d9-98ba-244a2ec65235" providerId="ADAL" clId="{06A17059-18AE-454C-970C-E0143B67D698}" dt="2024-07-01T11:54:25.603" v="55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936238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GB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B0FB9543-1D33-4502-A6CE-4A62CC52A6F7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3655FA85-DF93-404B-A81A-C45E37251464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51D63A27-561C-4374-885A-1420946EB17A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917831A4-50B8-4713-A2B7-8EEE309755DB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7CC318C1-F193-497A-91A1-C4A3861AF6E3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68DF3E67-C083-4DF8-BE98-6BC2CC28EB74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7CD078C9-0D63-4084-8E6D-EF561C83A0D8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989B345F-B14E-4EB8-AE36-AB447FF7BD75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2AEF1384-CB8F-424A-A77A-D7D79FF4BCC0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A2AD6CC3-9970-41B2-8CE1-8C11A28F1F3F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353943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de-DE" sz="800" b="0" i="0" u="none">
                <a:solidFill>
                  <a:schemeClr val="tx1"/>
                </a:solidFill>
                <a:latin typeface="+mn-lt"/>
              </a:rPr>
              <a:t>  |  EDDUWPE Uwe Petersen  |  2024-02-26  |  Ericsson Internal  |  Page </a:t>
            </a:r>
            <a:fld id="{A12E2DFA-2738-49A9-B8FC-B812B82D37E4}" type="slidenum">
              <a:rPr lang="de-DE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de-DE" sz="800" b="0" i="0" u="none">
                <a:solidFill>
                  <a:schemeClr val="tx1"/>
                </a:solidFill>
                <a:latin typeface="+mn-lt"/>
              </a:rPr>
              <a:t> of 12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image" Target="../media/image5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image" Target="../media/image14.jpeg"/><Relationship Id="rId1" Type="http://schemas.openxmlformats.org/officeDocument/2006/relationships/slideLayout" Target="../slideLayouts/slideLayout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8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10265216" cy="3457576"/>
          </a:xfrm>
          <a:ln>
            <a:noFill/>
          </a:ln>
        </p:spPr>
        <p:txBody>
          <a:bodyPr/>
          <a:lstStyle/>
          <a:p>
            <a:r>
              <a:rPr lang="en-US" dirty="0"/>
              <a:t>Image compression app with Python 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Playing around with Python functionalities to get a grip of how powerful this programming language actually i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Antoneta Gjeka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  <a:ln>
            <a:noFill/>
          </a:ln>
        </p:spPr>
        <p:txBody>
          <a:bodyPr/>
          <a:lstStyle/>
          <a:p>
            <a:r>
              <a:rPr lang="en-US" dirty="0"/>
              <a:t>Ericsson Internal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  <a:ln>
            <a:noFill/>
          </a:ln>
        </p:spPr>
        <p:txBody>
          <a:bodyPr/>
          <a:lstStyle/>
          <a:p>
            <a:r>
              <a:rPr lang="en-US"/>
              <a:t>07/11/2024</a:t>
            </a:r>
            <a:endParaRPr lang="en-US" dirty="0"/>
          </a:p>
        </p:txBody>
      </p:sp>
      <p:pic>
        <p:nvPicPr>
          <p:cNvPr id="1028" name="Picture 4" descr="Data compression - Free computer icons">
            <a:extLst>
              <a:ext uri="{FF2B5EF4-FFF2-40B4-BE49-F238E27FC236}">
                <a16:creationId xmlns:a16="http://schemas.microsoft.com/office/drawing/2014/main" id="{D6437B06-8047-3EF1-B615-3E2AACB9C08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95702" y="2060802"/>
            <a:ext cx="3457577" cy="34575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5FCDCAF5-9B1C-2BBB-932C-DB9C28092802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CABD0-1CAB-C727-EE58-E96CEF09C3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veloper setup – what tools are needed</a:t>
            </a:r>
            <a:endParaRPr lang="en-DE" dirty="0"/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FCE23BC6-6530-02E6-FB9E-8BEB2EC81F3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57615" y="1482725"/>
            <a:ext cx="4924425" cy="43624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1" name="Picture 3">
            <a:extLst>
              <a:ext uri="{FF2B5EF4-FFF2-40B4-BE49-F238E27FC236}">
                <a16:creationId xmlns:a16="http://schemas.microsoft.com/office/drawing/2014/main" id="{89CCB844-49CB-9309-DE2A-66A0D0A00F1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469945" y="1844675"/>
            <a:ext cx="1781175" cy="40005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Box 5">
            <a:extLst>
              <a:ext uri="{FF2B5EF4-FFF2-40B4-BE49-F238E27FC236}">
                <a16:creationId xmlns:a16="http://schemas.microsoft.com/office/drawing/2014/main" id="{47EE4694-0A18-531F-49E1-C801EFA46390}"/>
              </a:ext>
            </a:extLst>
          </p:cNvPr>
          <p:cNvSpPr txBox="1">
            <a:spLocks noGrp="1"/>
          </p:cNvSpPr>
          <p:nvPr>
            <p:ph sz="quarter" idx="10"/>
          </p:nvPr>
        </p:nvSpPr>
        <p:spPr>
          <a:xfrm>
            <a:off x="7611704" y="2035277"/>
            <a:ext cx="3833044" cy="2546555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>
            <a:defPPr>
              <a:defRPr lang="en-US"/>
            </a:defPPr>
          </a:lstStyle>
          <a:p>
            <a:pPr marR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IDE to write, run and debug code</a:t>
            </a:r>
          </a:p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lang="en-US" dirty="0">
                <a:latin typeface="Ericsson Hilda"/>
              </a:rPr>
              <a:t>(here: </a:t>
            </a:r>
            <a:r>
              <a:rPr lang="en-US" b="1" dirty="0">
                <a:latin typeface="Ericsson Hilda"/>
              </a:rPr>
              <a:t>Visual Studio Code</a:t>
            </a:r>
            <a:r>
              <a:rPr lang="en-US" dirty="0">
                <a:latin typeface="Ericsson Hilda"/>
              </a:rPr>
              <a:t>)</a:t>
            </a:r>
            <a:endParaRPr lang="en-US" sz="2000" kern="1000" spc="-30" dirty="0">
              <a:solidFill>
                <a:schemeClr val="tx1"/>
              </a:solidFill>
              <a:latin typeface="Ericsson Hilda"/>
              <a:ea typeface="+mn-ea"/>
              <a:cs typeface="+mn-cs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b="1" i="0" u="none" strike="noStrike" cap="none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</a:rPr>
              <a:t>Gerrit</a:t>
            </a:r>
            <a:r>
              <a:rPr lang="en-US" b="0" i="0" u="none" strike="noStrike" cap="none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</a:rPr>
              <a:t> – allows multiple developers to</a:t>
            </a:r>
          </a:p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lang="en-US" b="0" i="0" u="none" strike="noStrike" cap="none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</a:rPr>
              <a:t>work parallelly.</a:t>
            </a:r>
          </a:p>
          <a:p>
            <a:r>
              <a:rPr lang="en-US" b="1" i="0" u="none" strike="noStrike" cap="none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</a:rPr>
              <a:t>Libraries</a:t>
            </a:r>
            <a:r>
              <a:rPr lang="en-US" b="0" i="0" u="none" strike="noStrike" cap="none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</a:rPr>
              <a:t> </a:t>
            </a:r>
          </a:p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</a:pPr>
            <a:endParaRPr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FEAAE0CB-C680-B8F4-FD57-1690C16097A9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3692776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Thanks for your attention! Any questions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&amp; Solution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2E8E8F9E-D1C4-4C6A-B250-14307A88601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741515"/>
            <a:ext cx="11233150" cy="4392612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Initial problem:</a:t>
            </a:r>
          </a:p>
          <a:p>
            <a:r>
              <a:rPr lang="en-US" dirty="0"/>
              <a:t>Professional photos taken at various events (on-site) -&gt; large sized files</a:t>
            </a:r>
          </a:p>
          <a:p>
            <a:r>
              <a:rPr lang="en-US" dirty="0"/>
              <a:t>Photos uploaded directly to the </a:t>
            </a:r>
            <a:r>
              <a:rPr lang="en-US" dirty="0" err="1"/>
              <a:t>Sharepoints</a:t>
            </a:r>
            <a:r>
              <a:rPr lang="en-US" dirty="0"/>
              <a:t>, without being sized down beforehand -&gt; overload, no more storage space available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Solution:</a:t>
            </a:r>
          </a:p>
          <a:p>
            <a:r>
              <a:rPr lang="en-US" dirty="0"/>
              <a:t>Development of an app (in Python) that compresses the photos in advance before they are uploaded to the </a:t>
            </a:r>
            <a:r>
              <a:rPr lang="en-US" dirty="0" err="1"/>
              <a:t>sharepoints</a:t>
            </a:r>
            <a:endParaRPr lang="en-US" dirty="0"/>
          </a:p>
          <a:p>
            <a:r>
              <a:rPr lang="en-US" dirty="0"/>
              <a:t>Intuitive &amp; simple to use, can be installed on the local device</a:t>
            </a:r>
          </a:p>
          <a:p>
            <a:endParaRPr lang="en-US" dirty="0"/>
          </a:p>
        </p:txBody>
      </p:sp>
      <p:sp>
        <p:nvSpPr>
          <p:cNvPr id="4" name="Rectangle 5">
            <a:extLst>
              <a:ext uri="{FF2B5EF4-FFF2-40B4-BE49-F238E27FC236}">
                <a16:creationId xmlns:a16="http://schemas.microsoft.com/office/drawing/2014/main" id="{0669CEF7-AB37-8EF2-7D97-D82009315C80}"/>
              </a:ext>
            </a:extLst>
          </p:cNvPr>
          <p:cNvSpPr>
            <a:spLocks noChangeArrowheads="1"/>
          </p:cNvSpPr>
          <p:nvPr/>
        </p:nvSpPr>
        <p:spPr bwMode="auto">
          <a:xfrm>
            <a:off x="254442" y="787179"/>
            <a:ext cx="121920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DE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0664DDE8-B7C7-B084-EA43-CAC45029DD5F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F5AD414-D415-6815-30DE-2AD825A8D5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ssignment specification</a:t>
            </a:r>
            <a:endParaRPr lang="en-DE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735782-92F0-DA8D-27C5-AF1C71D28AD3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568150"/>
            <a:ext cx="11233150" cy="4392612"/>
          </a:xfrm>
        </p:spPr>
        <p:txBody>
          <a:bodyPr/>
          <a:lstStyle/>
          <a:p>
            <a:r>
              <a:rPr lang="en-US" b="1" dirty="0"/>
              <a:t>Folder selection</a:t>
            </a:r>
            <a:r>
              <a:rPr lang="en-US" dirty="0"/>
              <a:t>: Option to select a folder with images for compression</a:t>
            </a:r>
          </a:p>
          <a:p>
            <a:r>
              <a:rPr lang="en-US" b="1" dirty="0"/>
              <a:t>Batch image compression</a:t>
            </a:r>
            <a:r>
              <a:rPr lang="en-US" dirty="0"/>
              <a:t>: Ability to compress all images in a selected folder, supported formats must include: .jpg, .jpeg, .</a:t>
            </a:r>
            <a:r>
              <a:rPr lang="en-US" dirty="0" err="1"/>
              <a:t>png</a:t>
            </a:r>
            <a:r>
              <a:rPr lang="en-US" dirty="0"/>
              <a:t>, .gif, .bmp</a:t>
            </a:r>
          </a:p>
          <a:p>
            <a:r>
              <a:rPr lang="en-US" b="1" dirty="0"/>
              <a:t>Save location</a:t>
            </a:r>
            <a:r>
              <a:rPr lang="en-US" dirty="0"/>
              <a:t>: Ability to choose a destination folder for compressed images</a:t>
            </a:r>
          </a:p>
          <a:p>
            <a:r>
              <a:rPr lang="en-US" b="1" dirty="0"/>
              <a:t>File size reduction</a:t>
            </a:r>
            <a:r>
              <a:rPr lang="en-US" dirty="0"/>
              <a:t>: Compress images to reduce file size while maintaining acceptable quality</a:t>
            </a:r>
          </a:p>
          <a:p>
            <a:r>
              <a:rPr lang="en-US" b="1" dirty="0"/>
              <a:t>GUI Interface</a:t>
            </a:r>
            <a:r>
              <a:rPr lang="en-US" dirty="0"/>
              <a:t>: User-friendly graphical interface for easy interaction</a:t>
            </a:r>
          </a:p>
          <a:p>
            <a:r>
              <a:rPr lang="en-US" b="1" dirty="0"/>
              <a:t>Status updates</a:t>
            </a:r>
            <a:r>
              <a:rPr lang="en-US" dirty="0"/>
              <a:t>: Display real-time status during the compression process</a:t>
            </a:r>
          </a:p>
          <a:p>
            <a:r>
              <a:rPr lang="en-US" b="1" dirty="0"/>
              <a:t>Size comparison</a:t>
            </a:r>
            <a:r>
              <a:rPr lang="en-US" dirty="0"/>
              <a:t>: Visual representation (graph) of the storage saved after compression</a:t>
            </a:r>
          </a:p>
          <a:p>
            <a:r>
              <a:rPr lang="en-US" b="1" dirty="0"/>
              <a:t>One-click operation</a:t>
            </a:r>
            <a:r>
              <a:rPr lang="en-US" dirty="0"/>
              <a:t>: A single button to start compressing images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FB14F4A-DD44-9654-A570-250366EB4FA7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4817832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But first, why Python?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566889" y="1428060"/>
            <a:ext cx="11145686" cy="4953690"/>
          </a:xfrm>
          <a:ln>
            <a:noFill/>
          </a:ln>
        </p:spPr>
        <p:txBody>
          <a:bodyPr/>
          <a:lstStyle/>
          <a:p>
            <a:r>
              <a:rPr lang="en-US" b="1" dirty="0"/>
              <a:t>Extensive libraries</a:t>
            </a:r>
            <a:r>
              <a:rPr lang="en-US" dirty="0"/>
              <a:t>: Python offers powerful image processing libraries like </a:t>
            </a:r>
            <a:r>
              <a:rPr lang="en-US" b="1" dirty="0"/>
              <a:t>PIL</a:t>
            </a:r>
            <a:r>
              <a:rPr lang="en-US" dirty="0"/>
              <a:t>(Pillow) and </a:t>
            </a:r>
            <a:r>
              <a:rPr lang="en-US" b="1" dirty="0"/>
              <a:t>OpenCV</a:t>
            </a:r>
            <a:r>
              <a:rPr lang="en-US" dirty="0"/>
              <a:t>, which provide easy-to-use functions (compressing, resizing, manipulating images)</a:t>
            </a:r>
          </a:p>
          <a:p>
            <a:r>
              <a:rPr lang="en-US" b="1" dirty="0"/>
              <a:t>Cross-platform compatibility: </a:t>
            </a:r>
            <a:r>
              <a:rPr lang="en-US" dirty="0"/>
              <a:t>Python applications can be run on multiple platforms (Windows, Linux, macOS) -&gt; highly versatile</a:t>
            </a:r>
          </a:p>
          <a:p>
            <a:r>
              <a:rPr lang="en-US" b="1" dirty="0"/>
              <a:t>Ease of use: </a:t>
            </a:r>
            <a:r>
              <a:rPr lang="en-US" dirty="0"/>
              <a:t>Python’s simple syntax makes it ideal for quickly developing image compression tools</a:t>
            </a:r>
          </a:p>
          <a:p>
            <a:r>
              <a:rPr lang="en-US" b="1" dirty="0"/>
              <a:t>GUI integration: </a:t>
            </a:r>
            <a:r>
              <a:rPr lang="en-US" dirty="0" err="1"/>
              <a:t>Tkinter</a:t>
            </a:r>
            <a:r>
              <a:rPr lang="en-US" dirty="0"/>
              <a:t> enables easy creation of user-friendly interfaces with minimal code</a:t>
            </a:r>
          </a:p>
          <a:p>
            <a:r>
              <a:rPr lang="en-US" b="1" dirty="0"/>
              <a:t>Scalability: </a:t>
            </a:r>
            <a:r>
              <a:rPr lang="en-US" dirty="0"/>
              <a:t>Python supports batch processing, handling multiple image compressions efficiently</a:t>
            </a:r>
          </a:p>
          <a:p>
            <a:r>
              <a:rPr lang="en-US" b="1" dirty="0"/>
              <a:t>Open-source &amp; Support: </a:t>
            </a:r>
            <a:r>
              <a:rPr lang="en-US" dirty="0"/>
              <a:t>Python’s large community offers abundant resources for solving issues and optimizing compression</a:t>
            </a:r>
            <a:endParaRPr lang="en-US" b="1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1C06D332-4EB5-E42C-A573-9899646CB0AD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B2AA3C-41E5-CA00-DC55-B12CC490269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ructural breakdown of progra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8CFE9B-68CB-CFCE-7301-CA6F8348F23B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597025"/>
            <a:ext cx="5140325" cy="4392612"/>
          </a:xfrm>
        </p:spPr>
        <p:txBody>
          <a:bodyPr/>
          <a:lstStyle/>
          <a:p>
            <a:r>
              <a:rPr lang="en-US" dirty="0"/>
              <a:t>The window pops up, select the image folder to be compressed</a:t>
            </a:r>
          </a:p>
          <a:p>
            <a:r>
              <a:rPr lang="en-US" dirty="0"/>
              <a:t>Then select the folder in which the compressed photos are to be saved</a:t>
            </a:r>
          </a:p>
          <a:p>
            <a:r>
              <a:rPr lang="en-US" dirty="0"/>
              <a:t>After the folder has been selected, compression is started. The current status of the compression is displayed</a:t>
            </a:r>
          </a:p>
          <a:p>
            <a:r>
              <a:rPr lang="en-US" dirty="0"/>
              <a:t>After successful compression, a success window is shown</a:t>
            </a:r>
          </a:p>
          <a:p>
            <a:r>
              <a:rPr lang="en-US" dirty="0"/>
              <a:t>You can also display the difference in size between the two folders graphically at the end</a:t>
            </a:r>
          </a:p>
        </p:txBody>
      </p:sp>
      <p:pic>
        <p:nvPicPr>
          <p:cNvPr id="5" name="Picture 4" descr="A diagram of a process&#10;&#10;Description automatically generated">
            <a:extLst>
              <a:ext uri="{FF2B5EF4-FFF2-40B4-BE49-F238E27FC236}">
                <a16:creationId xmlns:a16="http://schemas.microsoft.com/office/drawing/2014/main" id="{C13CB077-F149-1859-0710-17227FA7345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1427073"/>
            <a:ext cx="5004215" cy="4602252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C7878135-A94C-A7FF-BB31-1B2499871D34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7468663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B66B4F-02CE-0516-A20D-DCEACE03E9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o use the app</a:t>
            </a:r>
            <a:endParaRPr lang="en-DE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E08BD889-CED8-87AA-8BBA-19B51BC6519E}"/>
              </a:ext>
            </a:extLst>
          </p:cNvPr>
          <p:cNvPicPr>
            <a:picLocks noGrp="1" noChangeAspect="1"/>
          </p:cNvPicPr>
          <p:nvPr>
            <p:ph sz="quarter" idx="11"/>
          </p:nvPr>
        </p:nvPicPr>
        <p:blipFill rotWithShape="1">
          <a:blip r:embed="rId2"/>
          <a:srcRect t="1003" b="1304"/>
          <a:stretch/>
        </p:blipFill>
        <p:spPr>
          <a:xfrm>
            <a:off x="1132083" y="4529137"/>
            <a:ext cx="2710854" cy="1687513"/>
          </a:xfrm>
        </p:spPr>
      </p:pic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3EB555CB-CD13-811A-B5D7-EB9BF6C63A10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571217" y="1507403"/>
            <a:ext cx="3839916" cy="4392613"/>
          </a:xfrm>
        </p:spPr>
        <p:txBody>
          <a:bodyPr/>
          <a:lstStyle/>
          <a:p>
            <a:r>
              <a:rPr lang="en-US" sz="1800" dirty="0"/>
              <a:t>Run the app (.exe file on PC)</a:t>
            </a:r>
          </a:p>
          <a:p>
            <a:r>
              <a:rPr lang="en-US" sz="1800" dirty="0"/>
              <a:t>The following window should pop up</a:t>
            </a:r>
          </a:p>
          <a:p>
            <a:endParaRPr lang="en-US" sz="1800" dirty="0"/>
          </a:p>
          <a:p>
            <a:endParaRPr lang="en-US" sz="1800" dirty="0"/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Click “Browse” to search for the image folder that needs to be compressed</a:t>
            </a:r>
          </a:p>
          <a:p>
            <a:endParaRPr lang="en-DE" sz="1800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6F1EA556-B17C-6ADB-4168-901115AEF21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551241" y="1598865"/>
            <a:ext cx="6859666" cy="4392613"/>
          </a:xfrm>
        </p:spPr>
        <p:txBody>
          <a:bodyPr/>
          <a:lstStyle/>
          <a:p>
            <a:r>
              <a:rPr lang="en-US" sz="1800" dirty="0"/>
              <a:t>After selecting the folder, “Compress Pictures” should be clicked, another window shows up – here you have to select the folder where the compressed images should be saved</a:t>
            </a:r>
          </a:p>
          <a:p>
            <a:endParaRPr lang="en-US" sz="1800" dirty="0"/>
          </a:p>
          <a:p>
            <a:endParaRPr lang="en-US" sz="1800" dirty="0"/>
          </a:p>
          <a:p>
            <a:endParaRPr lang="en-US" sz="1800" dirty="0"/>
          </a:p>
          <a:p>
            <a:endParaRPr lang="en-US" sz="1800" dirty="0"/>
          </a:p>
          <a:p>
            <a:r>
              <a:rPr lang="en-US" sz="1800" dirty="0"/>
              <a:t>Afterwards, the compression process will start automatically. Compression status should be completed, like shown on the figure below: </a:t>
            </a:r>
            <a:endParaRPr lang="en-DE" sz="18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48032934-4DDC-0981-5BA9-5242B7880F58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2659" r="1336" b="2961"/>
          <a:stretch/>
        </p:blipFill>
        <p:spPr>
          <a:xfrm>
            <a:off x="5915287" y="2453495"/>
            <a:ext cx="3547496" cy="1560205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57E64D71-330F-5580-61A9-87E607EE07BD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2611" r="1203" b="-1350"/>
          <a:stretch/>
        </p:blipFill>
        <p:spPr>
          <a:xfrm>
            <a:off x="5967850" y="4771806"/>
            <a:ext cx="3675719" cy="1662833"/>
          </a:xfrm>
          <a:prstGeom prst="rect">
            <a:avLst/>
          </a:prstGeom>
        </p:spPr>
      </p:pic>
      <p:sp>
        <p:nvSpPr>
          <p:cNvPr id="14" name="Oval 13">
            <a:extLst>
              <a:ext uri="{FF2B5EF4-FFF2-40B4-BE49-F238E27FC236}">
                <a16:creationId xmlns:a16="http://schemas.microsoft.com/office/drawing/2014/main" id="{41ACC146-FC8E-2895-E607-02D9A4728CD8}"/>
              </a:ext>
            </a:extLst>
          </p:cNvPr>
          <p:cNvSpPr/>
          <p:nvPr/>
        </p:nvSpPr>
        <p:spPr bwMode="auto">
          <a:xfrm>
            <a:off x="8014415" y="6004885"/>
            <a:ext cx="596189" cy="184557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35FC3880-95DC-D003-1E7F-6BB1392156D4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1336" b="1982"/>
          <a:stretch/>
        </p:blipFill>
        <p:spPr>
          <a:xfrm>
            <a:off x="1132083" y="2421656"/>
            <a:ext cx="2710854" cy="1225838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87921A6F-AC60-5244-F238-36CF83909D30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2912284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121E3E-A6FA-B777-D8BA-89E39AFE6A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10521950" cy="1081088"/>
          </a:xfrm>
        </p:spPr>
        <p:txBody>
          <a:bodyPr wrap="square" anchor="t">
            <a:normAutofit/>
          </a:bodyPr>
          <a:lstStyle/>
          <a:p>
            <a:r>
              <a:rPr lang="en-US" dirty="0"/>
              <a:t>Results</a:t>
            </a:r>
            <a:endParaRPr lang="en-DE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C01EB4D8-3C9E-2B29-FAAB-6A5379D552DE}"/>
              </a:ext>
            </a:extLst>
          </p:cNvPr>
          <p:cNvPicPr>
            <a:picLocks noGrp="1" noChangeAspect="1"/>
          </p:cNvPicPr>
          <p:nvPr>
            <p:ph sz="quarter" idx="10"/>
          </p:nvPr>
        </p:nvPicPr>
        <p:blipFill rotWithShape="1">
          <a:blip r:embed="rId2"/>
          <a:srcRect l="1166" r="1025" b="1307"/>
          <a:stretch/>
        </p:blipFill>
        <p:spPr>
          <a:xfrm>
            <a:off x="3429000" y="1073824"/>
            <a:ext cx="5341620" cy="4648796"/>
          </a:xfrm>
          <a:prstGeom prst="rect">
            <a:avLst/>
          </a:prstGeom>
          <a:noFill/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1F45563C-7535-EE2B-A834-FB5C91DE5692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3392055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2A50B4D-5656-4CB2-36F8-14B30D1646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ossible improvements</a:t>
            </a:r>
            <a:endParaRPr lang="en-DE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E0D5280-48CF-F130-338C-5CACEEF4D044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825787"/>
            <a:ext cx="7615952" cy="2997884"/>
          </a:xfrm>
        </p:spPr>
        <p:txBody>
          <a:bodyPr/>
          <a:lstStyle/>
          <a:p>
            <a:r>
              <a:rPr lang="en-US" dirty="0"/>
              <a:t>The ability to select multiple images, not just folders</a:t>
            </a:r>
          </a:p>
          <a:p>
            <a:r>
              <a:rPr lang="en-US" dirty="0"/>
              <a:t>Improvement of the GUI, making it more user-friendly &amp; modern</a:t>
            </a:r>
          </a:p>
          <a:p>
            <a:r>
              <a:rPr lang="en-US" dirty="0"/>
              <a:t>Optimization of the code, faster execution</a:t>
            </a:r>
          </a:p>
          <a:p>
            <a:r>
              <a:rPr lang="en-US" dirty="0"/>
              <a:t>Adding extra functionalities (user can decide how much the photos should be compressed)</a:t>
            </a:r>
          </a:p>
          <a:p>
            <a:endParaRPr lang="en-DE" dirty="0"/>
          </a:p>
        </p:txBody>
      </p:sp>
      <p:pic>
        <p:nvPicPr>
          <p:cNvPr id="1026" name="Picture 2" descr="Improvement - Free industry icons">
            <a:extLst>
              <a:ext uri="{FF2B5EF4-FFF2-40B4-BE49-F238E27FC236}">
                <a16:creationId xmlns:a16="http://schemas.microsoft.com/office/drawing/2014/main" id="{DBB5C443-B500-00E8-D6C3-81A9F727F68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94210" y="1966775"/>
            <a:ext cx="2756228" cy="27562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8C60873B-E4A7-C72F-8591-7F61AC85FD09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1990118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E9FFB3-BA0D-ADC3-48BD-15F181BE1C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10521950" cy="1081088"/>
          </a:xfrm>
        </p:spPr>
        <p:txBody>
          <a:bodyPr wrap="square" anchor="t">
            <a:normAutofit/>
          </a:bodyPr>
          <a:lstStyle/>
          <a:p>
            <a:r>
              <a:rPr lang="en-US" dirty="0"/>
              <a:t>Sequence diagram</a:t>
            </a:r>
            <a:endParaRPr lang="en-DE" dirty="0"/>
          </a:p>
        </p:txBody>
      </p:sp>
      <p:pic>
        <p:nvPicPr>
          <p:cNvPr id="5" name="Picture 4" descr="A screenshot of a computer&#10;&#10;Description automatically generated">
            <a:extLst>
              <a:ext uri="{FF2B5EF4-FFF2-40B4-BE49-F238E27FC236}">
                <a16:creationId xmlns:a16="http://schemas.microsoft.com/office/drawing/2014/main" id="{951AA559-BBEA-5B40-6974-5539610BBA0E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90" r="3033"/>
          <a:stretch/>
        </p:blipFill>
        <p:spPr>
          <a:xfrm>
            <a:off x="1461247" y="1187117"/>
            <a:ext cx="8866094" cy="5139664"/>
          </a:xfrm>
          <a:prstGeom prst="rect">
            <a:avLst/>
          </a:prstGeom>
          <a:noFill/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F8C54B0B-0BDD-A242-1186-A96379DF412F}"/>
              </a:ext>
            </a:extLst>
          </p:cNvPr>
          <p:cNvSpPr/>
          <p:nvPr/>
        </p:nvSpPr>
        <p:spPr bwMode="auto">
          <a:xfrm>
            <a:off x="318584" y="6526799"/>
            <a:ext cx="3576507" cy="167615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DE" dirty="0" err="1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4883196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661701761374254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dataSource":"PPT FooterVisibility","displayColumn":"showDocNo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No","label":"Show document number in footer?","fullyQualifiedName":"Doc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(Overwritten with EriDoc values at check-in)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UJZ5se2GrpqfBtpdZp9MdQ=="},{"name":"ConfidentialityClass","value":"5wlu7ZdPxHQj1W0w+yTNSg=="},{"name":"LanguageCode","value":"5wlu7ZdPxHQj1W0w+yTNSg=="},{"name":"Date","value":"bX4/3vRQ9uvEvQcTjzoViQ=="},{"name":"TemplateType","value":"5wlu7ZdPxHQj1W0w+yTNSg=="},{"name":"DocTitle","value":"5wlu7ZdPxHQj1W0w+yTNSg=="},{"name":"TotalPageNo","value":"5wlu7ZdPxHQj1W0w+yTNSg=="},{"name":"DocNo","value":"5wlu7ZdPxHQj1W0w+yTNSg=="},{"name":"Prepared","value":"QbQvMIyViBBYdAYc3e6Bo53YZYH2Tv3pckk5aCtBIko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5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,{"propertyName":"DocNoVisible","propertyValue":"{{Form.DocNo.ShowDocNo}}","disableUpdates":false,"type":"customDocumentProperty"}],"templateName":"","templateDescription":"","enableDocumentContentUpdater":true,"version":"1.9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661701760905467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822D38AD-8010-4CD3-BD6B-117CB8DF70A4}">
  <ds:schemaRefs/>
</ds:datastoreItem>
</file>

<file path=customXml/itemProps11.xml><?xml version="1.0" encoding="utf-8"?>
<ds:datastoreItem xmlns:ds="http://schemas.openxmlformats.org/officeDocument/2006/customXml" ds:itemID="{683FEB75-8CFA-449C-A6B1-B1E4A86A58A1}">
  <ds:schemaRefs/>
</ds:datastoreItem>
</file>

<file path=customXml/itemProps12.xml><?xml version="1.0" encoding="utf-8"?>
<ds:datastoreItem xmlns:ds="http://schemas.openxmlformats.org/officeDocument/2006/customXml" ds:itemID="{847502A6-7CBE-43AF-BDF6-4D4423521D8C}">
  <ds:schemaRefs/>
</ds:datastoreItem>
</file>

<file path=customXml/itemProps13.xml><?xml version="1.0" encoding="utf-8"?>
<ds:datastoreItem xmlns:ds="http://schemas.openxmlformats.org/officeDocument/2006/customXml" ds:itemID="{03AF3FDC-ACD1-46F3-A43E-782322DF9816}">
  <ds:schemaRefs/>
</ds:datastoreItem>
</file>

<file path=customXml/itemProps14.xml><?xml version="1.0" encoding="utf-8"?>
<ds:datastoreItem xmlns:ds="http://schemas.openxmlformats.org/officeDocument/2006/customXml" ds:itemID="{1CE36EA9-2186-4EB1-871A-8AE59C2A13BB}">
  <ds:schemaRefs/>
</ds:datastoreItem>
</file>

<file path=customXml/itemProps15.xml><?xml version="1.0" encoding="utf-8"?>
<ds:datastoreItem xmlns:ds="http://schemas.openxmlformats.org/officeDocument/2006/customXml" ds:itemID="{58CC0B31-82B9-497A-9A2E-F3F72D0BBDAD}">
  <ds:schemaRefs/>
</ds:datastoreItem>
</file>

<file path=customXml/itemProps2.xml><?xml version="1.0" encoding="utf-8"?>
<ds:datastoreItem xmlns:ds="http://schemas.openxmlformats.org/officeDocument/2006/customXml" ds:itemID="{D92C3DF5-A179-4E2D-BD20-07044B39171F}">
  <ds:schemaRefs/>
</ds:datastoreItem>
</file>

<file path=customXml/itemProps3.xml><?xml version="1.0" encoding="utf-8"?>
<ds:datastoreItem xmlns:ds="http://schemas.openxmlformats.org/officeDocument/2006/customXml" ds:itemID="{B9AEDDE3-EA02-4A8F-B8F8-0606A0AA45FC}">
  <ds:schemaRefs/>
</ds:datastoreItem>
</file>

<file path=customXml/itemProps4.xml><?xml version="1.0" encoding="utf-8"?>
<ds:datastoreItem xmlns:ds="http://schemas.openxmlformats.org/officeDocument/2006/customXml" ds:itemID="{C09F197C-6A49-47D0-B877-F88807989676}">
  <ds:schemaRefs/>
</ds:datastoreItem>
</file>

<file path=customXml/itemProps5.xml><?xml version="1.0" encoding="utf-8"?>
<ds:datastoreItem xmlns:ds="http://schemas.openxmlformats.org/officeDocument/2006/customXml" ds:itemID="{07958A4E-FAB1-42E4-B6B5-29B01F63F87B}">
  <ds:schemaRefs/>
</ds:datastoreItem>
</file>

<file path=customXml/itemProps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56F2EE69-0CCA-4F48-BE22-EC4A886C57A7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a6550eff-0fc9-443f-8e77-72cbcf778382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72516535-7702-46AF-9B1F-8623A67A82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2372</TotalTime>
  <Words>585</Words>
  <Application>Microsoft Office PowerPoint</Application>
  <PresentationFormat>Widescreen</PresentationFormat>
  <Paragraphs>66</Paragraphs>
  <Slides>11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7" baseType="lpstr">
      <vt:lpstr>Ericsson Hilda ExtraLight</vt:lpstr>
      <vt:lpstr>Ericsson Hilda Light</vt:lpstr>
      <vt:lpstr>Ericsson Technical Icons</vt:lpstr>
      <vt:lpstr>Ericsson Hilda ExtraBold</vt:lpstr>
      <vt:lpstr>Ericsson Hilda</vt:lpstr>
      <vt:lpstr>PresentationTemplate2021</vt:lpstr>
      <vt:lpstr>Image compression app with Python </vt:lpstr>
      <vt:lpstr>Problem &amp; Solution</vt:lpstr>
      <vt:lpstr>Assignment specification</vt:lpstr>
      <vt:lpstr>But first, why Python?</vt:lpstr>
      <vt:lpstr>Structural breakdown of program</vt:lpstr>
      <vt:lpstr>How to use the app</vt:lpstr>
      <vt:lpstr>Results</vt:lpstr>
      <vt:lpstr>Possible improvements</vt:lpstr>
      <vt:lpstr>Sequence diagram</vt:lpstr>
      <vt:lpstr>Developer setup – what tools are needed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ython</dc:title>
  <dc:creator>EDDUWPE Uwe Petersen</dc:creator>
  <cp:keywords/>
  <dc:description>Rev</dc:description>
  <cp:lastModifiedBy>Antoneta Gjeka</cp:lastModifiedBy>
  <cp:revision>152</cp:revision>
  <dcterms:created xsi:type="dcterms:W3CDTF">2019-04-23T15:12:54Z</dcterms:created>
  <dcterms:modified xsi:type="dcterms:W3CDTF">2024-12-10T10:23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4-01-18T12:10:12.1362348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4383719037704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>EDDUWPE Uwe Petersen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4-02-26</vt:lpwstr>
  </property>
  <property fmtid="{D5CDD505-2E9C-101B-9397-08002B2CF9AE}" pid="21" name="Reference">
    <vt:lpwstr/>
  </property>
  <property fmtid="{D5CDD505-2E9C-101B-9397-08002B2CF9AE}" pid="22" name="Title">
    <vt:lpwstr>Python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DocNoVisible">
    <vt:lpwstr>true</vt:lpwstr>
  </property>
</Properties>
</file>